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31"/>
  </p:notesMasterIdLst>
  <p:sldIdLst>
    <p:sldId id="267" r:id="rId2"/>
    <p:sldId id="272" r:id="rId3"/>
    <p:sldId id="401" r:id="rId4"/>
    <p:sldId id="417" r:id="rId5"/>
    <p:sldId id="418" r:id="rId6"/>
    <p:sldId id="420" r:id="rId7"/>
    <p:sldId id="274" r:id="rId8"/>
    <p:sldId id="398" r:id="rId9"/>
    <p:sldId id="397" r:id="rId10"/>
    <p:sldId id="421" r:id="rId11"/>
    <p:sldId id="423" r:id="rId12"/>
    <p:sldId id="394" r:id="rId13"/>
    <p:sldId id="279" r:id="rId14"/>
    <p:sldId id="280" r:id="rId15"/>
    <p:sldId id="395" r:id="rId16"/>
    <p:sldId id="402" r:id="rId17"/>
    <p:sldId id="405" r:id="rId18"/>
    <p:sldId id="406" r:id="rId19"/>
    <p:sldId id="407" r:id="rId20"/>
    <p:sldId id="408" r:id="rId21"/>
    <p:sldId id="403" r:id="rId22"/>
    <p:sldId id="412" r:id="rId23"/>
    <p:sldId id="414" r:id="rId24"/>
    <p:sldId id="410" r:id="rId25"/>
    <p:sldId id="422" r:id="rId26"/>
    <p:sldId id="419" r:id="rId27"/>
    <p:sldId id="411" r:id="rId28"/>
    <p:sldId id="271" r:id="rId29"/>
    <p:sldId id="413" r:id="rId30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CCCC"/>
    <a:srgbClr val="666666"/>
    <a:srgbClr val="FECC99"/>
    <a:srgbClr val="FEE6CC"/>
    <a:srgbClr val="CCDFDB"/>
    <a:srgbClr val="E5F0EC"/>
    <a:srgbClr val="D7E59A"/>
    <a:srgbClr val="EBF1CB"/>
    <a:srgbClr val="CDD5E0"/>
    <a:srgbClr val="E6EB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8281" autoAdjust="0"/>
    <p:restoredTop sz="94681" autoAdjust="0"/>
  </p:normalViewPr>
  <p:slideViewPr>
    <p:cSldViewPr snapToGrid="0" snapToObjects="1">
      <p:cViewPr varScale="1">
        <p:scale>
          <a:sx n="116" d="100"/>
          <a:sy n="116" d="100"/>
        </p:scale>
        <p:origin x="224" y="5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/C:\Users\marca\Downloads\owid-covid-data.csv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en-GB"/>
              <a:t>COVID in Sweden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SE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owid-covid-data'!$M$1</c:f>
              <c:strCache>
                <c:ptCount val="1"/>
                <c:pt idx="0">
                  <c:v>New Case Per Million</c:v>
                </c:pt>
              </c:strCache>
            </c:strRef>
          </c:tx>
          <c:spPr>
            <a:ln w="34925" cap="rnd">
              <a:solidFill>
                <a:schemeClr val="bg1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numRef>
              <c:f>'owid-covid-data'!$D$2:$D$121540</c:f>
              <c:numCache>
                <c:formatCode>m/d/yyyy</c:formatCode>
                <c:ptCount val="613"/>
                <c:pt idx="0">
                  <c:v>43862</c:v>
                </c:pt>
                <c:pt idx="1">
                  <c:v>43863</c:v>
                </c:pt>
                <c:pt idx="2">
                  <c:v>43864</c:v>
                </c:pt>
                <c:pt idx="3">
                  <c:v>43865</c:v>
                </c:pt>
                <c:pt idx="4">
                  <c:v>43866</c:v>
                </c:pt>
                <c:pt idx="5">
                  <c:v>43867</c:v>
                </c:pt>
                <c:pt idx="6">
                  <c:v>43868</c:v>
                </c:pt>
                <c:pt idx="7">
                  <c:v>43869</c:v>
                </c:pt>
                <c:pt idx="8">
                  <c:v>43870</c:v>
                </c:pt>
                <c:pt idx="9">
                  <c:v>43871</c:v>
                </c:pt>
                <c:pt idx="10">
                  <c:v>43872</c:v>
                </c:pt>
                <c:pt idx="11">
                  <c:v>43873</c:v>
                </c:pt>
                <c:pt idx="12">
                  <c:v>43874</c:v>
                </c:pt>
                <c:pt idx="13">
                  <c:v>43875</c:v>
                </c:pt>
                <c:pt idx="14">
                  <c:v>43876</c:v>
                </c:pt>
                <c:pt idx="15">
                  <c:v>43877</c:v>
                </c:pt>
                <c:pt idx="16">
                  <c:v>43878</c:v>
                </c:pt>
                <c:pt idx="17">
                  <c:v>43879</c:v>
                </c:pt>
                <c:pt idx="18">
                  <c:v>43880</c:v>
                </c:pt>
                <c:pt idx="19">
                  <c:v>43881</c:v>
                </c:pt>
                <c:pt idx="20">
                  <c:v>43882</c:v>
                </c:pt>
                <c:pt idx="21">
                  <c:v>43883</c:v>
                </c:pt>
                <c:pt idx="22">
                  <c:v>43884</c:v>
                </c:pt>
                <c:pt idx="23">
                  <c:v>43885</c:v>
                </c:pt>
                <c:pt idx="24">
                  <c:v>43886</c:v>
                </c:pt>
                <c:pt idx="25">
                  <c:v>43887</c:v>
                </c:pt>
                <c:pt idx="26">
                  <c:v>43888</c:v>
                </c:pt>
                <c:pt idx="27">
                  <c:v>43889</c:v>
                </c:pt>
                <c:pt idx="28">
                  <c:v>43890</c:v>
                </c:pt>
                <c:pt idx="29">
                  <c:v>43891</c:v>
                </c:pt>
                <c:pt idx="30">
                  <c:v>43892</c:v>
                </c:pt>
                <c:pt idx="31">
                  <c:v>43893</c:v>
                </c:pt>
                <c:pt idx="32">
                  <c:v>43894</c:v>
                </c:pt>
                <c:pt idx="33">
                  <c:v>43895</c:v>
                </c:pt>
                <c:pt idx="34">
                  <c:v>43896</c:v>
                </c:pt>
                <c:pt idx="35">
                  <c:v>43897</c:v>
                </c:pt>
                <c:pt idx="36">
                  <c:v>43898</c:v>
                </c:pt>
                <c:pt idx="37">
                  <c:v>43899</c:v>
                </c:pt>
                <c:pt idx="38">
                  <c:v>43900</c:v>
                </c:pt>
                <c:pt idx="39">
                  <c:v>43901</c:v>
                </c:pt>
                <c:pt idx="40">
                  <c:v>43902</c:v>
                </c:pt>
                <c:pt idx="41">
                  <c:v>43903</c:v>
                </c:pt>
                <c:pt idx="42">
                  <c:v>43904</c:v>
                </c:pt>
                <c:pt idx="43">
                  <c:v>43905</c:v>
                </c:pt>
                <c:pt idx="44">
                  <c:v>43906</c:v>
                </c:pt>
                <c:pt idx="45">
                  <c:v>43907</c:v>
                </c:pt>
                <c:pt idx="46">
                  <c:v>43908</c:v>
                </c:pt>
                <c:pt idx="47">
                  <c:v>43909</c:v>
                </c:pt>
                <c:pt idx="48">
                  <c:v>43910</c:v>
                </c:pt>
                <c:pt idx="49">
                  <c:v>43911</c:v>
                </c:pt>
                <c:pt idx="50">
                  <c:v>43912</c:v>
                </c:pt>
                <c:pt idx="51">
                  <c:v>43913</c:v>
                </c:pt>
                <c:pt idx="52">
                  <c:v>43914</c:v>
                </c:pt>
                <c:pt idx="53">
                  <c:v>43915</c:v>
                </c:pt>
                <c:pt idx="54">
                  <c:v>43916</c:v>
                </c:pt>
                <c:pt idx="55">
                  <c:v>43917</c:v>
                </c:pt>
                <c:pt idx="56">
                  <c:v>43918</c:v>
                </c:pt>
                <c:pt idx="57">
                  <c:v>43919</c:v>
                </c:pt>
                <c:pt idx="58">
                  <c:v>43920</c:v>
                </c:pt>
                <c:pt idx="59">
                  <c:v>43921</c:v>
                </c:pt>
                <c:pt idx="60">
                  <c:v>43922</c:v>
                </c:pt>
                <c:pt idx="61">
                  <c:v>43923</c:v>
                </c:pt>
                <c:pt idx="62">
                  <c:v>43924</c:v>
                </c:pt>
                <c:pt idx="63">
                  <c:v>43925</c:v>
                </c:pt>
                <c:pt idx="64">
                  <c:v>43926</c:v>
                </c:pt>
                <c:pt idx="65">
                  <c:v>43927</c:v>
                </c:pt>
                <c:pt idx="66">
                  <c:v>43928</c:v>
                </c:pt>
                <c:pt idx="67">
                  <c:v>43929</c:v>
                </c:pt>
                <c:pt idx="68">
                  <c:v>43930</c:v>
                </c:pt>
                <c:pt idx="69">
                  <c:v>43931</c:v>
                </c:pt>
                <c:pt idx="70">
                  <c:v>43932</c:v>
                </c:pt>
                <c:pt idx="71">
                  <c:v>43933</c:v>
                </c:pt>
                <c:pt idx="72">
                  <c:v>43934</c:v>
                </c:pt>
                <c:pt idx="73">
                  <c:v>43935</c:v>
                </c:pt>
                <c:pt idx="74">
                  <c:v>43936</c:v>
                </c:pt>
                <c:pt idx="75">
                  <c:v>43937</c:v>
                </c:pt>
                <c:pt idx="76">
                  <c:v>43938</c:v>
                </c:pt>
                <c:pt idx="77">
                  <c:v>43939</c:v>
                </c:pt>
                <c:pt idx="78">
                  <c:v>43940</c:v>
                </c:pt>
                <c:pt idx="79">
                  <c:v>43941</c:v>
                </c:pt>
                <c:pt idx="80">
                  <c:v>43942</c:v>
                </c:pt>
                <c:pt idx="81">
                  <c:v>43943</c:v>
                </c:pt>
                <c:pt idx="82">
                  <c:v>43944</c:v>
                </c:pt>
                <c:pt idx="83">
                  <c:v>43945</c:v>
                </c:pt>
                <c:pt idx="84">
                  <c:v>43946</c:v>
                </c:pt>
                <c:pt idx="85">
                  <c:v>43947</c:v>
                </c:pt>
                <c:pt idx="86">
                  <c:v>43948</c:v>
                </c:pt>
                <c:pt idx="87">
                  <c:v>43949</c:v>
                </c:pt>
                <c:pt idx="88">
                  <c:v>43950</c:v>
                </c:pt>
                <c:pt idx="89">
                  <c:v>43951</c:v>
                </c:pt>
                <c:pt idx="90">
                  <c:v>43952</c:v>
                </c:pt>
                <c:pt idx="91">
                  <c:v>43953</c:v>
                </c:pt>
                <c:pt idx="92">
                  <c:v>43954</c:v>
                </c:pt>
                <c:pt idx="93">
                  <c:v>43955</c:v>
                </c:pt>
                <c:pt idx="94">
                  <c:v>43956</c:v>
                </c:pt>
                <c:pt idx="95">
                  <c:v>43957</c:v>
                </c:pt>
                <c:pt idx="96">
                  <c:v>43958</c:v>
                </c:pt>
                <c:pt idx="97">
                  <c:v>43959</c:v>
                </c:pt>
                <c:pt idx="98">
                  <c:v>43960</c:v>
                </c:pt>
                <c:pt idx="99">
                  <c:v>43961</c:v>
                </c:pt>
                <c:pt idx="100">
                  <c:v>43962</c:v>
                </c:pt>
                <c:pt idx="101">
                  <c:v>43963</c:v>
                </c:pt>
                <c:pt idx="102">
                  <c:v>43964</c:v>
                </c:pt>
                <c:pt idx="103">
                  <c:v>43965</c:v>
                </c:pt>
                <c:pt idx="104">
                  <c:v>43966</c:v>
                </c:pt>
                <c:pt idx="105">
                  <c:v>43967</c:v>
                </c:pt>
                <c:pt idx="106">
                  <c:v>43968</c:v>
                </c:pt>
                <c:pt idx="107">
                  <c:v>43969</c:v>
                </c:pt>
                <c:pt idx="108">
                  <c:v>43970</c:v>
                </c:pt>
                <c:pt idx="109">
                  <c:v>43971</c:v>
                </c:pt>
                <c:pt idx="110">
                  <c:v>43972</c:v>
                </c:pt>
                <c:pt idx="111">
                  <c:v>43973</c:v>
                </c:pt>
                <c:pt idx="112">
                  <c:v>43974</c:v>
                </c:pt>
                <c:pt idx="113">
                  <c:v>43975</c:v>
                </c:pt>
                <c:pt idx="114">
                  <c:v>43976</c:v>
                </c:pt>
                <c:pt idx="115">
                  <c:v>43977</c:v>
                </c:pt>
                <c:pt idx="116">
                  <c:v>43978</c:v>
                </c:pt>
                <c:pt idx="117">
                  <c:v>43979</c:v>
                </c:pt>
                <c:pt idx="118">
                  <c:v>43980</c:v>
                </c:pt>
                <c:pt idx="119">
                  <c:v>43981</c:v>
                </c:pt>
                <c:pt idx="120">
                  <c:v>43982</c:v>
                </c:pt>
                <c:pt idx="121">
                  <c:v>43983</c:v>
                </c:pt>
                <c:pt idx="122">
                  <c:v>43984</c:v>
                </c:pt>
                <c:pt idx="123">
                  <c:v>43985</c:v>
                </c:pt>
                <c:pt idx="124">
                  <c:v>43986</c:v>
                </c:pt>
                <c:pt idx="125">
                  <c:v>43987</c:v>
                </c:pt>
                <c:pt idx="126">
                  <c:v>43988</c:v>
                </c:pt>
                <c:pt idx="127">
                  <c:v>43989</c:v>
                </c:pt>
                <c:pt idx="128">
                  <c:v>43990</c:v>
                </c:pt>
                <c:pt idx="129">
                  <c:v>43991</c:v>
                </c:pt>
                <c:pt idx="130">
                  <c:v>43992</c:v>
                </c:pt>
                <c:pt idx="131">
                  <c:v>43993</c:v>
                </c:pt>
                <c:pt idx="132">
                  <c:v>43994</c:v>
                </c:pt>
                <c:pt idx="133">
                  <c:v>43995</c:v>
                </c:pt>
                <c:pt idx="134">
                  <c:v>43996</c:v>
                </c:pt>
                <c:pt idx="135">
                  <c:v>43997</c:v>
                </c:pt>
                <c:pt idx="136">
                  <c:v>43998</c:v>
                </c:pt>
                <c:pt idx="137">
                  <c:v>43999</c:v>
                </c:pt>
                <c:pt idx="138">
                  <c:v>44000</c:v>
                </c:pt>
                <c:pt idx="139">
                  <c:v>44001</c:v>
                </c:pt>
                <c:pt idx="140">
                  <c:v>44002</c:v>
                </c:pt>
                <c:pt idx="141">
                  <c:v>44003</c:v>
                </c:pt>
                <c:pt idx="142">
                  <c:v>44004</c:v>
                </c:pt>
                <c:pt idx="143">
                  <c:v>44005</c:v>
                </c:pt>
                <c:pt idx="144">
                  <c:v>44006</c:v>
                </c:pt>
                <c:pt idx="145">
                  <c:v>44007</c:v>
                </c:pt>
                <c:pt idx="146">
                  <c:v>44008</c:v>
                </c:pt>
                <c:pt idx="147">
                  <c:v>44009</c:v>
                </c:pt>
                <c:pt idx="148">
                  <c:v>44010</c:v>
                </c:pt>
                <c:pt idx="149">
                  <c:v>44011</c:v>
                </c:pt>
                <c:pt idx="150">
                  <c:v>44012</c:v>
                </c:pt>
                <c:pt idx="151">
                  <c:v>44013</c:v>
                </c:pt>
                <c:pt idx="152">
                  <c:v>44014</c:v>
                </c:pt>
                <c:pt idx="153">
                  <c:v>44015</c:v>
                </c:pt>
                <c:pt idx="154">
                  <c:v>44016</c:v>
                </c:pt>
                <c:pt idx="155">
                  <c:v>44017</c:v>
                </c:pt>
                <c:pt idx="156">
                  <c:v>44018</c:v>
                </c:pt>
                <c:pt idx="157">
                  <c:v>44019</c:v>
                </c:pt>
                <c:pt idx="158">
                  <c:v>44020</c:v>
                </c:pt>
                <c:pt idx="159">
                  <c:v>44021</c:v>
                </c:pt>
                <c:pt idx="160">
                  <c:v>44022</c:v>
                </c:pt>
                <c:pt idx="161">
                  <c:v>44023</c:v>
                </c:pt>
                <c:pt idx="162">
                  <c:v>44024</c:v>
                </c:pt>
                <c:pt idx="163">
                  <c:v>44025</c:v>
                </c:pt>
                <c:pt idx="164">
                  <c:v>44026</c:v>
                </c:pt>
                <c:pt idx="165">
                  <c:v>44027</c:v>
                </c:pt>
                <c:pt idx="166">
                  <c:v>44028</c:v>
                </c:pt>
                <c:pt idx="167">
                  <c:v>44029</c:v>
                </c:pt>
                <c:pt idx="168">
                  <c:v>44030</c:v>
                </c:pt>
                <c:pt idx="169">
                  <c:v>44031</c:v>
                </c:pt>
                <c:pt idx="170">
                  <c:v>44032</c:v>
                </c:pt>
                <c:pt idx="171">
                  <c:v>44033</c:v>
                </c:pt>
                <c:pt idx="172">
                  <c:v>44034</c:v>
                </c:pt>
                <c:pt idx="173">
                  <c:v>44035</c:v>
                </c:pt>
                <c:pt idx="174">
                  <c:v>44036</c:v>
                </c:pt>
                <c:pt idx="175">
                  <c:v>44037</c:v>
                </c:pt>
                <c:pt idx="176">
                  <c:v>44038</c:v>
                </c:pt>
                <c:pt idx="177">
                  <c:v>44039</c:v>
                </c:pt>
                <c:pt idx="178">
                  <c:v>44040</c:v>
                </c:pt>
                <c:pt idx="179">
                  <c:v>44041</c:v>
                </c:pt>
                <c:pt idx="180">
                  <c:v>44042</c:v>
                </c:pt>
                <c:pt idx="181">
                  <c:v>44043</c:v>
                </c:pt>
                <c:pt idx="182">
                  <c:v>44044</c:v>
                </c:pt>
                <c:pt idx="183">
                  <c:v>44045</c:v>
                </c:pt>
                <c:pt idx="184">
                  <c:v>44046</c:v>
                </c:pt>
                <c:pt idx="185">
                  <c:v>44047</c:v>
                </c:pt>
                <c:pt idx="186">
                  <c:v>44048</c:v>
                </c:pt>
                <c:pt idx="187">
                  <c:v>44049</c:v>
                </c:pt>
                <c:pt idx="188">
                  <c:v>44050</c:v>
                </c:pt>
                <c:pt idx="189">
                  <c:v>44051</c:v>
                </c:pt>
                <c:pt idx="190">
                  <c:v>44052</c:v>
                </c:pt>
                <c:pt idx="191">
                  <c:v>44053</c:v>
                </c:pt>
                <c:pt idx="192">
                  <c:v>44054</c:v>
                </c:pt>
                <c:pt idx="193">
                  <c:v>44055</c:v>
                </c:pt>
                <c:pt idx="194">
                  <c:v>44056</c:v>
                </c:pt>
                <c:pt idx="195">
                  <c:v>44057</c:v>
                </c:pt>
                <c:pt idx="196">
                  <c:v>44058</c:v>
                </c:pt>
                <c:pt idx="197">
                  <c:v>44059</c:v>
                </c:pt>
                <c:pt idx="198">
                  <c:v>44060</c:v>
                </c:pt>
                <c:pt idx="199">
                  <c:v>44061</c:v>
                </c:pt>
                <c:pt idx="200">
                  <c:v>44062</c:v>
                </c:pt>
                <c:pt idx="201">
                  <c:v>44063</c:v>
                </c:pt>
                <c:pt idx="202">
                  <c:v>44064</c:v>
                </c:pt>
                <c:pt idx="203">
                  <c:v>44065</c:v>
                </c:pt>
                <c:pt idx="204">
                  <c:v>44066</c:v>
                </c:pt>
                <c:pt idx="205">
                  <c:v>44067</c:v>
                </c:pt>
                <c:pt idx="206">
                  <c:v>44068</c:v>
                </c:pt>
                <c:pt idx="207">
                  <c:v>44069</c:v>
                </c:pt>
                <c:pt idx="208">
                  <c:v>44070</c:v>
                </c:pt>
                <c:pt idx="209">
                  <c:v>44071</c:v>
                </c:pt>
                <c:pt idx="210">
                  <c:v>44072</c:v>
                </c:pt>
                <c:pt idx="211">
                  <c:v>44073</c:v>
                </c:pt>
                <c:pt idx="212">
                  <c:v>44074</c:v>
                </c:pt>
                <c:pt idx="213">
                  <c:v>44075</c:v>
                </c:pt>
                <c:pt idx="214">
                  <c:v>44076</c:v>
                </c:pt>
                <c:pt idx="215">
                  <c:v>44077</c:v>
                </c:pt>
                <c:pt idx="216">
                  <c:v>44078</c:v>
                </c:pt>
                <c:pt idx="217">
                  <c:v>44079</c:v>
                </c:pt>
                <c:pt idx="218">
                  <c:v>44080</c:v>
                </c:pt>
                <c:pt idx="219">
                  <c:v>44081</c:v>
                </c:pt>
                <c:pt idx="220">
                  <c:v>44082</c:v>
                </c:pt>
                <c:pt idx="221">
                  <c:v>44083</c:v>
                </c:pt>
                <c:pt idx="222">
                  <c:v>44084</c:v>
                </c:pt>
                <c:pt idx="223">
                  <c:v>44085</c:v>
                </c:pt>
                <c:pt idx="224">
                  <c:v>44086</c:v>
                </c:pt>
                <c:pt idx="225">
                  <c:v>44087</c:v>
                </c:pt>
                <c:pt idx="226">
                  <c:v>44088</c:v>
                </c:pt>
                <c:pt idx="227">
                  <c:v>44089</c:v>
                </c:pt>
                <c:pt idx="228">
                  <c:v>44090</c:v>
                </c:pt>
                <c:pt idx="229">
                  <c:v>44091</c:v>
                </c:pt>
                <c:pt idx="230">
                  <c:v>44092</c:v>
                </c:pt>
                <c:pt idx="231">
                  <c:v>44093</c:v>
                </c:pt>
                <c:pt idx="232">
                  <c:v>44094</c:v>
                </c:pt>
                <c:pt idx="233">
                  <c:v>44095</c:v>
                </c:pt>
                <c:pt idx="234">
                  <c:v>44096</c:v>
                </c:pt>
                <c:pt idx="235">
                  <c:v>44097</c:v>
                </c:pt>
                <c:pt idx="236">
                  <c:v>44098</c:v>
                </c:pt>
                <c:pt idx="237">
                  <c:v>44099</c:v>
                </c:pt>
                <c:pt idx="238">
                  <c:v>44100</c:v>
                </c:pt>
                <c:pt idx="239">
                  <c:v>44101</c:v>
                </c:pt>
                <c:pt idx="240">
                  <c:v>44102</c:v>
                </c:pt>
                <c:pt idx="241">
                  <c:v>44103</c:v>
                </c:pt>
                <c:pt idx="242">
                  <c:v>44104</c:v>
                </c:pt>
                <c:pt idx="243">
                  <c:v>44105</c:v>
                </c:pt>
                <c:pt idx="244">
                  <c:v>44106</c:v>
                </c:pt>
                <c:pt idx="245">
                  <c:v>44107</c:v>
                </c:pt>
                <c:pt idx="246">
                  <c:v>44108</c:v>
                </c:pt>
                <c:pt idx="247">
                  <c:v>44109</c:v>
                </c:pt>
                <c:pt idx="248">
                  <c:v>44110</c:v>
                </c:pt>
                <c:pt idx="249">
                  <c:v>44111</c:v>
                </c:pt>
                <c:pt idx="250">
                  <c:v>44112</c:v>
                </c:pt>
                <c:pt idx="251">
                  <c:v>44113</c:v>
                </c:pt>
                <c:pt idx="252">
                  <c:v>44114</c:v>
                </c:pt>
                <c:pt idx="253">
                  <c:v>44115</c:v>
                </c:pt>
                <c:pt idx="254">
                  <c:v>44116</c:v>
                </c:pt>
                <c:pt idx="255">
                  <c:v>44117</c:v>
                </c:pt>
                <c:pt idx="256">
                  <c:v>44118</c:v>
                </c:pt>
                <c:pt idx="257">
                  <c:v>44119</c:v>
                </c:pt>
                <c:pt idx="258">
                  <c:v>44120</c:v>
                </c:pt>
                <c:pt idx="259">
                  <c:v>44121</c:v>
                </c:pt>
                <c:pt idx="260">
                  <c:v>44122</c:v>
                </c:pt>
                <c:pt idx="261">
                  <c:v>44123</c:v>
                </c:pt>
                <c:pt idx="262">
                  <c:v>44124</c:v>
                </c:pt>
                <c:pt idx="263">
                  <c:v>44125</c:v>
                </c:pt>
                <c:pt idx="264">
                  <c:v>44126</c:v>
                </c:pt>
                <c:pt idx="265">
                  <c:v>44127</c:v>
                </c:pt>
                <c:pt idx="266">
                  <c:v>44128</c:v>
                </c:pt>
                <c:pt idx="267">
                  <c:v>44129</c:v>
                </c:pt>
                <c:pt idx="268">
                  <c:v>44130</c:v>
                </c:pt>
                <c:pt idx="269">
                  <c:v>44131</c:v>
                </c:pt>
                <c:pt idx="270">
                  <c:v>44132</c:v>
                </c:pt>
                <c:pt idx="271">
                  <c:v>44133</c:v>
                </c:pt>
                <c:pt idx="272">
                  <c:v>44134</c:v>
                </c:pt>
                <c:pt idx="273">
                  <c:v>44135</c:v>
                </c:pt>
                <c:pt idx="274">
                  <c:v>44136</c:v>
                </c:pt>
                <c:pt idx="275">
                  <c:v>44137</c:v>
                </c:pt>
                <c:pt idx="276">
                  <c:v>44138</c:v>
                </c:pt>
                <c:pt idx="277">
                  <c:v>44139</c:v>
                </c:pt>
                <c:pt idx="278">
                  <c:v>44140</c:v>
                </c:pt>
                <c:pt idx="279">
                  <c:v>44141</c:v>
                </c:pt>
                <c:pt idx="280">
                  <c:v>44142</c:v>
                </c:pt>
                <c:pt idx="281">
                  <c:v>44143</c:v>
                </c:pt>
                <c:pt idx="282">
                  <c:v>44144</c:v>
                </c:pt>
                <c:pt idx="283">
                  <c:v>44145</c:v>
                </c:pt>
                <c:pt idx="284">
                  <c:v>44146</c:v>
                </c:pt>
                <c:pt idx="285">
                  <c:v>44147</c:v>
                </c:pt>
                <c:pt idx="286">
                  <c:v>44148</c:v>
                </c:pt>
                <c:pt idx="287">
                  <c:v>44149</c:v>
                </c:pt>
                <c:pt idx="288">
                  <c:v>44150</c:v>
                </c:pt>
                <c:pt idx="289">
                  <c:v>44151</c:v>
                </c:pt>
                <c:pt idx="290">
                  <c:v>44152</c:v>
                </c:pt>
                <c:pt idx="291">
                  <c:v>44153</c:v>
                </c:pt>
                <c:pt idx="292">
                  <c:v>44154</c:v>
                </c:pt>
                <c:pt idx="293">
                  <c:v>44155</c:v>
                </c:pt>
                <c:pt idx="294">
                  <c:v>44156</c:v>
                </c:pt>
                <c:pt idx="295">
                  <c:v>44157</c:v>
                </c:pt>
                <c:pt idx="296">
                  <c:v>44158</c:v>
                </c:pt>
                <c:pt idx="297">
                  <c:v>44159</c:v>
                </c:pt>
                <c:pt idx="298">
                  <c:v>44160</c:v>
                </c:pt>
                <c:pt idx="299">
                  <c:v>44161</c:v>
                </c:pt>
                <c:pt idx="300">
                  <c:v>44162</c:v>
                </c:pt>
                <c:pt idx="301">
                  <c:v>44163</c:v>
                </c:pt>
                <c:pt idx="302">
                  <c:v>44164</c:v>
                </c:pt>
                <c:pt idx="303">
                  <c:v>44165</c:v>
                </c:pt>
                <c:pt idx="304">
                  <c:v>44166</c:v>
                </c:pt>
                <c:pt idx="305">
                  <c:v>44167</c:v>
                </c:pt>
                <c:pt idx="306">
                  <c:v>44168</c:v>
                </c:pt>
                <c:pt idx="307">
                  <c:v>44169</c:v>
                </c:pt>
                <c:pt idx="308">
                  <c:v>44170</c:v>
                </c:pt>
                <c:pt idx="309">
                  <c:v>44171</c:v>
                </c:pt>
                <c:pt idx="310">
                  <c:v>44172</c:v>
                </c:pt>
                <c:pt idx="311">
                  <c:v>44173</c:v>
                </c:pt>
                <c:pt idx="312">
                  <c:v>44174</c:v>
                </c:pt>
                <c:pt idx="313">
                  <c:v>44175</c:v>
                </c:pt>
                <c:pt idx="314">
                  <c:v>44176</c:v>
                </c:pt>
                <c:pt idx="315">
                  <c:v>44177</c:v>
                </c:pt>
                <c:pt idx="316">
                  <c:v>44178</c:v>
                </c:pt>
                <c:pt idx="317">
                  <c:v>44179</c:v>
                </c:pt>
                <c:pt idx="318">
                  <c:v>44180</c:v>
                </c:pt>
                <c:pt idx="319">
                  <c:v>44181</c:v>
                </c:pt>
                <c:pt idx="320">
                  <c:v>44182</c:v>
                </c:pt>
                <c:pt idx="321">
                  <c:v>44183</c:v>
                </c:pt>
                <c:pt idx="322">
                  <c:v>44184</c:v>
                </c:pt>
                <c:pt idx="323">
                  <c:v>44185</c:v>
                </c:pt>
                <c:pt idx="324">
                  <c:v>44186</c:v>
                </c:pt>
                <c:pt idx="325">
                  <c:v>44187</c:v>
                </c:pt>
                <c:pt idx="326">
                  <c:v>44188</c:v>
                </c:pt>
                <c:pt idx="327">
                  <c:v>44189</c:v>
                </c:pt>
                <c:pt idx="328">
                  <c:v>44190</c:v>
                </c:pt>
                <c:pt idx="329">
                  <c:v>44191</c:v>
                </c:pt>
                <c:pt idx="330">
                  <c:v>44192</c:v>
                </c:pt>
                <c:pt idx="331">
                  <c:v>44193</c:v>
                </c:pt>
                <c:pt idx="332">
                  <c:v>44194</c:v>
                </c:pt>
                <c:pt idx="333">
                  <c:v>44195</c:v>
                </c:pt>
                <c:pt idx="334">
                  <c:v>44196</c:v>
                </c:pt>
                <c:pt idx="335">
                  <c:v>44197</c:v>
                </c:pt>
                <c:pt idx="336">
                  <c:v>44198</c:v>
                </c:pt>
                <c:pt idx="337">
                  <c:v>44199</c:v>
                </c:pt>
                <c:pt idx="338">
                  <c:v>44200</c:v>
                </c:pt>
                <c:pt idx="339">
                  <c:v>44201</c:v>
                </c:pt>
                <c:pt idx="340">
                  <c:v>44202</c:v>
                </c:pt>
                <c:pt idx="341">
                  <c:v>44203</c:v>
                </c:pt>
                <c:pt idx="342">
                  <c:v>44204</c:v>
                </c:pt>
                <c:pt idx="343">
                  <c:v>44205</c:v>
                </c:pt>
                <c:pt idx="344">
                  <c:v>44206</c:v>
                </c:pt>
                <c:pt idx="345">
                  <c:v>44207</c:v>
                </c:pt>
                <c:pt idx="346">
                  <c:v>44208</c:v>
                </c:pt>
                <c:pt idx="347">
                  <c:v>44209</c:v>
                </c:pt>
                <c:pt idx="348">
                  <c:v>44210</c:v>
                </c:pt>
                <c:pt idx="349">
                  <c:v>44211</c:v>
                </c:pt>
                <c:pt idx="350">
                  <c:v>44212</c:v>
                </c:pt>
                <c:pt idx="351">
                  <c:v>44213</c:v>
                </c:pt>
                <c:pt idx="352">
                  <c:v>44214</c:v>
                </c:pt>
                <c:pt idx="353">
                  <c:v>44215</c:v>
                </c:pt>
                <c:pt idx="354">
                  <c:v>44216</c:v>
                </c:pt>
                <c:pt idx="355">
                  <c:v>44217</c:v>
                </c:pt>
                <c:pt idx="356">
                  <c:v>44218</c:v>
                </c:pt>
                <c:pt idx="357">
                  <c:v>44219</c:v>
                </c:pt>
                <c:pt idx="358">
                  <c:v>44220</c:v>
                </c:pt>
                <c:pt idx="359">
                  <c:v>44221</c:v>
                </c:pt>
                <c:pt idx="360">
                  <c:v>44222</c:v>
                </c:pt>
                <c:pt idx="361">
                  <c:v>44223</c:v>
                </c:pt>
                <c:pt idx="362">
                  <c:v>44224</c:v>
                </c:pt>
                <c:pt idx="363">
                  <c:v>44225</c:v>
                </c:pt>
                <c:pt idx="364">
                  <c:v>44226</c:v>
                </c:pt>
                <c:pt idx="365">
                  <c:v>44227</c:v>
                </c:pt>
                <c:pt idx="366">
                  <c:v>44228</c:v>
                </c:pt>
                <c:pt idx="367">
                  <c:v>44229</c:v>
                </c:pt>
                <c:pt idx="368">
                  <c:v>44230</c:v>
                </c:pt>
                <c:pt idx="369">
                  <c:v>44231</c:v>
                </c:pt>
                <c:pt idx="370">
                  <c:v>44232</c:v>
                </c:pt>
                <c:pt idx="371">
                  <c:v>44233</c:v>
                </c:pt>
                <c:pt idx="372">
                  <c:v>44234</c:v>
                </c:pt>
                <c:pt idx="373">
                  <c:v>44235</c:v>
                </c:pt>
                <c:pt idx="374">
                  <c:v>44236</c:v>
                </c:pt>
                <c:pt idx="375">
                  <c:v>44237</c:v>
                </c:pt>
                <c:pt idx="376">
                  <c:v>44238</c:v>
                </c:pt>
                <c:pt idx="377">
                  <c:v>44239</c:v>
                </c:pt>
                <c:pt idx="378">
                  <c:v>44240</c:v>
                </c:pt>
                <c:pt idx="379">
                  <c:v>44241</c:v>
                </c:pt>
                <c:pt idx="380">
                  <c:v>44242</c:v>
                </c:pt>
                <c:pt idx="381">
                  <c:v>44243</c:v>
                </c:pt>
                <c:pt idx="382">
                  <c:v>44244</c:v>
                </c:pt>
                <c:pt idx="383">
                  <c:v>44245</c:v>
                </c:pt>
                <c:pt idx="384">
                  <c:v>44246</c:v>
                </c:pt>
                <c:pt idx="385">
                  <c:v>44247</c:v>
                </c:pt>
                <c:pt idx="386">
                  <c:v>44248</c:v>
                </c:pt>
                <c:pt idx="387">
                  <c:v>44249</c:v>
                </c:pt>
                <c:pt idx="388">
                  <c:v>44250</c:v>
                </c:pt>
                <c:pt idx="389">
                  <c:v>44251</c:v>
                </c:pt>
                <c:pt idx="390">
                  <c:v>44252</c:v>
                </c:pt>
                <c:pt idx="391">
                  <c:v>44253</c:v>
                </c:pt>
                <c:pt idx="392">
                  <c:v>44254</c:v>
                </c:pt>
                <c:pt idx="393">
                  <c:v>44255</c:v>
                </c:pt>
                <c:pt idx="394">
                  <c:v>44256</c:v>
                </c:pt>
                <c:pt idx="395">
                  <c:v>44257</c:v>
                </c:pt>
                <c:pt idx="396">
                  <c:v>44258</c:v>
                </c:pt>
                <c:pt idx="397">
                  <c:v>44259</c:v>
                </c:pt>
                <c:pt idx="398">
                  <c:v>44260</c:v>
                </c:pt>
                <c:pt idx="399">
                  <c:v>44261</c:v>
                </c:pt>
                <c:pt idx="400">
                  <c:v>44262</c:v>
                </c:pt>
                <c:pt idx="401">
                  <c:v>44263</c:v>
                </c:pt>
                <c:pt idx="402">
                  <c:v>44264</c:v>
                </c:pt>
                <c:pt idx="403">
                  <c:v>44265</c:v>
                </c:pt>
                <c:pt idx="404">
                  <c:v>44266</c:v>
                </c:pt>
                <c:pt idx="405">
                  <c:v>44267</c:v>
                </c:pt>
                <c:pt idx="406">
                  <c:v>44268</c:v>
                </c:pt>
                <c:pt idx="407">
                  <c:v>44269</c:v>
                </c:pt>
                <c:pt idx="408">
                  <c:v>44270</c:v>
                </c:pt>
                <c:pt idx="409">
                  <c:v>44271</c:v>
                </c:pt>
                <c:pt idx="410">
                  <c:v>44272</c:v>
                </c:pt>
                <c:pt idx="411">
                  <c:v>44273</c:v>
                </c:pt>
                <c:pt idx="412">
                  <c:v>44274</c:v>
                </c:pt>
                <c:pt idx="413">
                  <c:v>44275</c:v>
                </c:pt>
                <c:pt idx="414">
                  <c:v>44276</c:v>
                </c:pt>
                <c:pt idx="415">
                  <c:v>44277</c:v>
                </c:pt>
                <c:pt idx="416">
                  <c:v>44278</c:v>
                </c:pt>
                <c:pt idx="417">
                  <c:v>44279</c:v>
                </c:pt>
                <c:pt idx="418">
                  <c:v>44280</c:v>
                </c:pt>
                <c:pt idx="419">
                  <c:v>44281</c:v>
                </c:pt>
                <c:pt idx="420">
                  <c:v>44282</c:v>
                </c:pt>
                <c:pt idx="421">
                  <c:v>44283</c:v>
                </c:pt>
                <c:pt idx="422">
                  <c:v>44284</c:v>
                </c:pt>
                <c:pt idx="423">
                  <c:v>44285</c:v>
                </c:pt>
                <c:pt idx="424">
                  <c:v>44286</c:v>
                </c:pt>
                <c:pt idx="425">
                  <c:v>44287</c:v>
                </c:pt>
                <c:pt idx="426">
                  <c:v>44288</c:v>
                </c:pt>
                <c:pt idx="427">
                  <c:v>44289</c:v>
                </c:pt>
                <c:pt idx="428">
                  <c:v>44290</c:v>
                </c:pt>
                <c:pt idx="429">
                  <c:v>44291</c:v>
                </c:pt>
                <c:pt idx="430">
                  <c:v>44292</c:v>
                </c:pt>
                <c:pt idx="431">
                  <c:v>44293</c:v>
                </c:pt>
                <c:pt idx="432">
                  <c:v>44294</c:v>
                </c:pt>
                <c:pt idx="433">
                  <c:v>44295</c:v>
                </c:pt>
                <c:pt idx="434">
                  <c:v>44296</c:v>
                </c:pt>
                <c:pt idx="435">
                  <c:v>44297</c:v>
                </c:pt>
                <c:pt idx="436">
                  <c:v>44298</c:v>
                </c:pt>
                <c:pt idx="437">
                  <c:v>44299</c:v>
                </c:pt>
                <c:pt idx="438">
                  <c:v>44300</c:v>
                </c:pt>
                <c:pt idx="439">
                  <c:v>44301</c:v>
                </c:pt>
                <c:pt idx="440">
                  <c:v>44302</c:v>
                </c:pt>
                <c:pt idx="441">
                  <c:v>44303</c:v>
                </c:pt>
                <c:pt idx="442">
                  <c:v>44304</c:v>
                </c:pt>
                <c:pt idx="443">
                  <c:v>44305</c:v>
                </c:pt>
                <c:pt idx="444">
                  <c:v>44306</c:v>
                </c:pt>
                <c:pt idx="445">
                  <c:v>44307</c:v>
                </c:pt>
                <c:pt idx="446">
                  <c:v>44308</c:v>
                </c:pt>
                <c:pt idx="447">
                  <c:v>44309</c:v>
                </c:pt>
                <c:pt idx="448">
                  <c:v>44310</c:v>
                </c:pt>
                <c:pt idx="449">
                  <c:v>44311</c:v>
                </c:pt>
                <c:pt idx="450">
                  <c:v>44312</c:v>
                </c:pt>
                <c:pt idx="451">
                  <c:v>44313</c:v>
                </c:pt>
                <c:pt idx="452">
                  <c:v>44314</c:v>
                </c:pt>
                <c:pt idx="453">
                  <c:v>44315</c:v>
                </c:pt>
                <c:pt idx="454">
                  <c:v>44316</c:v>
                </c:pt>
                <c:pt idx="455">
                  <c:v>44317</c:v>
                </c:pt>
                <c:pt idx="456">
                  <c:v>44318</c:v>
                </c:pt>
                <c:pt idx="457">
                  <c:v>44319</c:v>
                </c:pt>
                <c:pt idx="458">
                  <c:v>44320</c:v>
                </c:pt>
                <c:pt idx="459">
                  <c:v>44321</c:v>
                </c:pt>
                <c:pt idx="460">
                  <c:v>44322</c:v>
                </c:pt>
                <c:pt idx="461">
                  <c:v>44323</c:v>
                </c:pt>
                <c:pt idx="462">
                  <c:v>44324</c:v>
                </c:pt>
                <c:pt idx="463">
                  <c:v>44325</c:v>
                </c:pt>
                <c:pt idx="464">
                  <c:v>44326</c:v>
                </c:pt>
                <c:pt idx="465">
                  <c:v>44327</c:v>
                </c:pt>
                <c:pt idx="466">
                  <c:v>44328</c:v>
                </c:pt>
                <c:pt idx="467">
                  <c:v>44329</c:v>
                </c:pt>
                <c:pt idx="468">
                  <c:v>44330</c:v>
                </c:pt>
                <c:pt idx="469">
                  <c:v>44331</c:v>
                </c:pt>
                <c:pt idx="470">
                  <c:v>44332</c:v>
                </c:pt>
                <c:pt idx="471">
                  <c:v>44333</c:v>
                </c:pt>
                <c:pt idx="472">
                  <c:v>44334</c:v>
                </c:pt>
                <c:pt idx="473">
                  <c:v>44335</c:v>
                </c:pt>
                <c:pt idx="474">
                  <c:v>44336</c:v>
                </c:pt>
                <c:pt idx="475">
                  <c:v>44337</c:v>
                </c:pt>
                <c:pt idx="476">
                  <c:v>44338</c:v>
                </c:pt>
                <c:pt idx="477">
                  <c:v>44339</c:v>
                </c:pt>
                <c:pt idx="478">
                  <c:v>44340</c:v>
                </c:pt>
                <c:pt idx="479">
                  <c:v>44341</c:v>
                </c:pt>
                <c:pt idx="480">
                  <c:v>44342</c:v>
                </c:pt>
                <c:pt idx="481">
                  <c:v>44343</c:v>
                </c:pt>
                <c:pt idx="482">
                  <c:v>44344</c:v>
                </c:pt>
                <c:pt idx="483">
                  <c:v>44345</c:v>
                </c:pt>
                <c:pt idx="484">
                  <c:v>44346</c:v>
                </c:pt>
                <c:pt idx="485">
                  <c:v>44347</c:v>
                </c:pt>
                <c:pt idx="486">
                  <c:v>44348</c:v>
                </c:pt>
                <c:pt idx="487">
                  <c:v>44349</c:v>
                </c:pt>
                <c:pt idx="488">
                  <c:v>44350</c:v>
                </c:pt>
                <c:pt idx="489">
                  <c:v>44351</c:v>
                </c:pt>
                <c:pt idx="490">
                  <c:v>44352</c:v>
                </c:pt>
                <c:pt idx="491">
                  <c:v>44353</c:v>
                </c:pt>
                <c:pt idx="492">
                  <c:v>44354</c:v>
                </c:pt>
                <c:pt idx="493">
                  <c:v>44355</c:v>
                </c:pt>
                <c:pt idx="494">
                  <c:v>44356</c:v>
                </c:pt>
                <c:pt idx="495">
                  <c:v>44357</c:v>
                </c:pt>
                <c:pt idx="496">
                  <c:v>44358</c:v>
                </c:pt>
                <c:pt idx="497">
                  <c:v>44359</c:v>
                </c:pt>
                <c:pt idx="498">
                  <c:v>44360</c:v>
                </c:pt>
                <c:pt idx="499">
                  <c:v>44361</c:v>
                </c:pt>
                <c:pt idx="500">
                  <c:v>44362</c:v>
                </c:pt>
                <c:pt idx="501">
                  <c:v>44363</c:v>
                </c:pt>
                <c:pt idx="502">
                  <c:v>44364</c:v>
                </c:pt>
                <c:pt idx="503">
                  <c:v>44365</c:v>
                </c:pt>
                <c:pt idx="504">
                  <c:v>44366</c:v>
                </c:pt>
                <c:pt idx="505">
                  <c:v>44367</c:v>
                </c:pt>
                <c:pt idx="506">
                  <c:v>44368</c:v>
                </c:pt>
                <c:pt idx="507">
                  <c:v>44369</c:v>
                </c:pt>
                <c:pt idx="508">
                  <c:v>44370</c:v>
                </c:pt>
                <c:pt idx="509">
                  <c:v>44371</c:v>
                </c:pt>
                <c:pt idx="510">
                  <c:v>44372</c:v>
                </c:pt>
                <c:pt idx="511">
                  <c:v>44373</c:v>
                </c:pt>
                <c:pt idx="512">
                  <c:v>44374</c:v>
                </c:pt>
                <c:pt idx="513">
                  <c:v>44375</c:v>
                </c:pt>
                <c:pt idx="514">
                  <c:v>44376</c:v>
                </c:pt>
                <c:pt idx="515">
                  <c:v>44377</c:v>
                </c:pt>
                <c:pt idx="516">
                  <c:v>44378</c:v>
                </c:pt>
                <c:pt idx="517">
                  <c:v>44379</c:v>
                </c:pt>
                <c:pt idx="518">
                  <c:v>44380</c:v>
                </c:pt>
                <c:pt idx="519">
                  <c:v>44381</c:v>
                </c:pt>
                <c:pt idx="520">
                  <c:v>44382</c:v>
                </c:pt>
                <c:pt idx="521">
                  <c:v>44383</c:v>
                </c:pt>
                <c:pt idx="522">
                  <c:v>44384</c:v>
                </c:pt>
                <c:pt idx="523">
                  <c:v>44385</c:v>
                </c:pt>
                <c:pt idx="524">
                  <c:v>44386</c:v>
                </c:pt>
                <c:pt idx="525">
                  <c:v>44387</c:v>
                </c:pt>
                <c:pt idx="526">
                  <c:v>44388</c:v>
                </c:pt>
                <c:pt idx="527">
                  <c:v>44389</c:v>
                </c:pt>
                <c:pt idx="528">
                  <c:v>44390</c:v>
                </c:pt>
                <c:pt idx="529">
                  <c:v>44391</c:v>
                </c:pt>
                <c:pt idx="530">
                  <c:v>44392</c:v>
                </c:pt>
                <c:pt idx="531">
                  <c:v>44393</c:v>
                </c:pt>
                <c:pt idx="532">
                  <c:v>44394</c:v>
                </c:pt>
                <c:pt idx="533">
                  <c:v>44395</c:v>
                </c:pt>
                <c:pt idx="534">
                  <c:v>44396</c:v>
                </c:pt>
                <c:pt idx="535">
                  <c:v>44397</c:v>
                </c:pt>
                <c:pt idx="536">
                  <c:v>44398</c:v>
                </c:pt>
                <c:pt idx="537">
                  <c:v>44399</c:v>
                </c:pt>
                <c:pt idx="538">
                  <c:v>44400</c:v>
                </c:pt>
                <c:pt idx="539">
                  <c:v>44401</c:v>
                </c:pt>
                <c:pt idx="540">
                  <c:v>44402</c:v>
                </c:pt>
                <c:pt idx="541">
                  <c:v>44403</c:v>
                </c:pt>
                <c:pt idx="542">
                  <c:v>44404</c:v>
                </c:pt>
                <c:pt idx="543">
                  <c:v>44405</c:v>
                </c:pt>
                <c:pt idx="544">
                  <c:v>44406</c:v>
                </c:pt>
                <c:pt idx="545">
                  <c:v>44407</c:v>
                </c:pt>
                <c:pt idx="546">
                  <c:v>44408</c:v>
                </c:pt>
                <c:pt idx="547">
                  <c:v>44409</c:v>
                </c:pt>
                <c:pt idx="548">
                  <c:v>44410</c:v>
                </c:pt>
                <c:pt idx="549">
                  <c:v>44411</c:v>
                </c:pt>
                <c:pt idx="550">
                  <c:v>44412</c:v>
                </c:pt>
                <c:pt idx="551">
                  <c:v>44413</c:v>
                </c:pt>
                <c:pt idx="552">
                  <c:v>44414</c:v>
                </c:pt>
                <c:pt idx="553">
                  <c:v>44415</c:v>
                </c:pt>
                <c:pt idx="554">
                  <c:v>44416</c:v>
                </c:pt>
                <c:pt idx="555">
                  <c:v>44417</c:v>
                </c:pt>
                <c:pt idx="556">
                  <c:v>44418</c:v>
                </c:pt>
                <c:pt idx="557">
                  <c:v>44419</c:v>
                </c:pt>
                <c:pt idx="558">
                  <c:v>44420</c:v>
                </c:pt>
                <c:pt idx="559">
                  <c:v>44421</c:v>
                </c:pt>
                <c:pt idx="560">
                  <c:v>44422</c:v>
                </c:pt>
                <c:pt idx="561">
                  <c:v>44423</c:v>
                </c:pt>
                <c:pt idx="562">
                  <c:v>44424</c:v>
                </c:pt>
                <c:pt idx="563">
                  <c:v>44425</c:v>
                </c:pt>
                <c:pt idx="564">
                  <c:v>44426</c:v>
                </c:pt>
                <c:pt idx="565">
                  <c:v>44427</c:v>
                </c:pt>
                <c:pt idx="566">
                  <c:v>44428</c:v>
                </c:pt>
                <c:pt idx="567">
                  <c:v>44429</c:v>
                </c:pt>
                <c:pt idx="568">
                  <c:v>44430</c:v>
                </c:pt>
                <c:pt idx="569">
                  <c:v>44431</c:v>
                </c:pt>
                <c:pt idx="570">
                  <c:v>44432</c:v>
                </c:pt>
                <c:pt idx="571">
                  <c:v>44433</c:v>
                </c:pt>
                <c:pt idx="572">
                  <c:v>44434</c:v>
                </c:pt>
                <c:pt idx="573">
                  <c:v>44435</c:v>
                </c:pt>
                <c:pt idx="574">
                  <c:v>44436</c:v>
                </c:pt>
                <c:pt idx="575">
                  <c:v>44437</c:v>
                </c:pt>
                <c:pt idx="576">
                  <c:v>44438</c:v>
                </c:pt>
                <c:pt idx="577">
                  <c:v>44439</c:v>
                </c:pt>
                <c:pt idx="578">
                  <c:v>44440</c:v>
                </c:pt>
                <c:pt idx="579">
                  <c:v>44441</c:v>
                </c:pt>
                <c:pt idx="580">
                  <c:v>44442</c:v>
                </c:pt>
                <c:pt idx="581">
                  <c:v>44443</c:v>
                </c:pt>
                <c:pt idx="582">
                  <c:v>44444</c:v>
                </c:pt>
                <c:pt idx="583">
                  <c:v>44445</c:v>
                </c:pt>
                <c:pt idx="584">
                  <c:v>44446</c:v>
                </c:pt>
                <c:pt idx="585">
                  <c:v>44447</c:v>
                </c:pt>
                <c:pt idx="586">
                  <c:v>44448</c:v>
                </c:pt>
                <c:pt idx="587">
                  <c:v>44449</c:v>
                </c:pt>
                <c:pt idx="588">
                  <c:v>44450</c:v>
                </c:pt>
                <c:pt idx="589">
                  <c:v>44451</c:v>
                </c:pt>
                <c:pt idx="590">
                  <c:v>44452</c:v>
                </c:pt>
                <c:pt idx="591">
                  <c:v>44453</c:v>
                </c:pt>
                <c:pt idx="592">
                  <c:v>44454</c:v>
                </c:pt>
                <c:pt idx="593">
                  <c:v>44455</c:v>
                </c:pt>
                <c:pt idx="594">
                  <c:v>44456</c:v>
                </c:pt>
                <c:pt idx="595">
                  <c:v>44457</c:v>
                </c:pt>
                <c:pt idx="596">
                  <c:v>44458</c:v>
                </c:pt>
                <c:pt idx="597">
                  <c:v>44459</c:v>
                </c:pt>
                <c:pt idx="598">
                  <c:v>44460</c:v>
                </c:pt>
                <c:pt idx="599">
                  <c:v>44461</c:v>
                </c:pt>
                <c:pt idx="600">
                  <c:v>44462</c:v>
                </c:pt>
                <c:pt idx="601">
                  <c:v>44463</c:v>
                </c:pt>
                <c:pt idx="602">
                  <c:v>44464</c:v>
                </c:pt>
                <c:pt idx="603">
                  <c:v>44465</c:v>
                </c:pt>
                <c:pt idx="604">
                  <c:v>44466</c:v>
                </c:pt>
                <c:pt idx="605">
                  <c:v>44467</c:v>
                </c:pt>
                <c:pt idx="606">
                  <c:v>44468</c:v>
                </c:pt>
                <c:pt idx="607">
                  <c:v>44469</c:v>
                </c:pt>
                <c:pt idx="608">
                  <c:v>44470</c:v>
                </c:pt>
                <c:pt idx="609">
                  <c:v>44471</c:v>
                </c:pt>
                <c:pt idx="610">
                  <c:v>44472</c:v>
                </c:pt>
                <c:pt idx="611">
                  <c:v>44473</c:v>
                </c:pt>
                <c:pt idx="612">
                  <c:v>44474</c:v>
                </c:pt>
              </c:numCache>
            </c:numRef>
          </c:cat>
          <c:val>
            <c:numRef>
              <c:f>'owid-covid-data'!$M$2:$M$121540</c:f>
              <c:numCache>
                <c:formatCode>General</c:formatCode>
                <c:ptCount val="613"/>
                <c:pt idx="5">
                  <c:v>1.4E-2</c:v>
                </c:pt>
                <c:pt idx="6">
                  <c:v>1.4E-2</c:v>
                </c:pt>
                <c:pt idx="7">
                  <c:v>0</c:v>
                </c:pt>
                <c:pt idx="8">
                  <c:v>0</c:v>
                </c:pt>
                <c:pt idx="9">
                  <c:v>0</c:v>
                </c:pt>
                <c:pt idx="10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4">
                  <c:v>0</c:v>
                </c:pt>
                <c:pt idx="15">
                  <c:v>0</c:v>
                </c:pt>
                <c:pt idx="16">
                  <c:v>0</c:v>
                </c:pt>
                <c:pt idx="17">
                  <c:v>0</c:v>
                </c:pt>
                <c:pt idx="18">
                  <c:v>0</c:v>
                </c:pt>
                <c:pt idx="19">
                  <c:v>0</c:v>
                </c:pt>
                <c:pt idx="20">
                  <c:v>0</c:v>
                </c:pt>
                <c:pt idx="21">
                  <c:v>0</c:v>
                </c:pt>
                <c:pt idx="22">
                  <c:v>0</c:v>
                </c:pt>
                <c:pt idx="23">
                  <c:v>0</c:v>
                </c:pt>
                <c:pt idx="24">
                  <c:v>0</c:v>
                </c:pt>
                <c:pt idx="25">
                  <c:v>1.4E-2</c:v>
                </c:pt>
                <c:pt idx="26">
                  <c:v>2.8000000000000001E-2</c:v>
                </c:pt>
                <c:pt idx="27">
                  <c:v>0.14099999999999999</c:v>
                </c:pt>
                <c:pt idx="28">
                  <c:v>0.183</c:v>
                </c:pt>
                <c:pt idx="29">
                  <c:v>0.183</c:v>
                </c:pt>
                <c:pt idx="30">
                  <c:v>0.253</c:v>
                </c:pt>
                <c:pt idx="31">
                  <c:v>0.436</c:v>
                </c:pt>
                <c:pt idx="32">
                  <c:v>0.84399999999999997</c:v>
                </c:pt>
                <c:pt idx="33">
                  <c:v>1.181</c:v>
                </c:pt>
                <c:pt idx="34">
                  <c:v>1.8979999999999999</c:v>
                </c:pt>
                <c:pt idx="35">
                  <c:v>2.3199999999999998</c:v>
                </c:pt>
                <c:pt idx="36">
                  <c:v>2.9670000000000001</c:v>
                </c:pt>
                <c:pt idx="37">
                  <c:v>4.3170000000000002</c:v>
                </c:pt>
                <c:pt idx="38">
                  <c:v>5.5119999999999996</c:v>
                </c:pt>
                <c:pt idx="39">
                  <c:v>7.8460000000000001</c:v>
                </c:pt>
                <c:pt idx="40">
                  <c:v>9.6170000000000009</c:v>
                </c:pt>
                <c:pt idx="41">
                  <c:v>10.925000000000001</c:v>
                </c:pt>
                <c:pt idx="42">
                  <c:v>11.459</c:v>
                </c:pt>
                <c:pt idx="43">
                  <c:v>11.782999999999999</c:v>
                </c:pt>
                <c:pt idx="44">
                  <c:v>11.53</c:v>
                </c:pt>
                <c:pt idx="45">
                  <c:v>11.824999999999999</c:v>
                </c:pt>
                <c:pt idx="46">
                  <c:v>11.108000000000001</c:v>
                </c:pt>
                <c:pt idx="47">
                  <c:v>10.994999999999999</c:v>
                </c:pt>
                <c:pt idx="48">
                  <c:v>11.388999999999999</c:v>
                </c:pt>
                <c:pt idx="49">
                  <c:v>12.289</c:v>
                </c:pt>
                <c:pt idx="50">
                  <c:v>12.978</c:v>
                </c:pt>
                <c:pt idx="51">
                  <c:v>14.37</c:v>
                </c:pt>
                <c:pt idx="52">
                  <c:v>15.930999999999999</c:v>
                </c:pt>
                <c:pt idx="53">
                  <c:v>18.306999999999999</c:v>
                </c:pt>
                <c:pt idx="54">
                  <c:v>20.317</c:v>
                </c:pt>
                <c:pt idx="55">
                  <c:v>22.919</c:v>
                </c:pt>
                <c:pt idx="56">
                  <c:v>25.239000000000001</c:v>
                </c:pt>
                <c:pt idx="57">
                  <c:v>27.515999999999998</c:v>
                </c:pt>
                <c:pt idx="58">
                  <c:v>30.806999999999999</c:v>
                </c:pt>
                <c:pt idx="59">
                  <c:v>34.250999999999998</c:v>
                </c:pt>
                <c:pt idx="60">
                  <c:v>36.67</c:v>
                </c:pt>
                <c:pt idx="61">
                  <c:v>40.438000000000002</c:v>
                </c:pt>
                <c:pt idx="62">
                  <c:v>43.756</c:v>
                </c:pt>
                <c:pt idx="63">
                  <c:v>44.558</c:v>
                </c:pt>
                <c:pt idx="64">
                  <c:v>45.401000000000003</c:v>
                </c:pt>
                <c:pt idx="65">
                  <c:v>45.021999999999998</c:v>
                </c:pt>
                <c:pt idx="66">
                  <c:v>48.72</c:v>
                </c:pt>
                <c:pt idx="67">
                  <c:v>51.095999999999997</c:v>
                </c:pt>
                <c:pt idx="68">
                  <c:v>52.375</c:v>
                </c:pt>
                <c:pt idx="69">
                  <c:v>50.308999999999997</c:v>
                </c:pt>
                <c:pt idx="70">
                  <c:v>50.843000000000004</c:v>
                </c:pt>
                <c:pt idx="71">
                  <c:v>52.585999999999999</c:v>
                </c:pt>
                <c:pt idx="72">
                  <c:v>53.261000000000003</c:v>
                </c:pt>
                <c:pt idx="73">
                  <c:v>49.62</c:v>
                </c:pt>
                <c:pt idx="74">
                  <c:v>48.902000000000001</c:v>
                </c:pt>
                <c:pt idx="75">
                  <c:v>48.593000000000004</c:v>
                </c:pt>
                <c:pt idx="76">
                  <c:v>51.883000000000003</c:v>
                </c:pt>
                <c:pt idx="77">
                  <c:v>53.81</c:v>
                </c:pt>
                <c:pt idx="78">
                  <c:v>52.741</c:v>
                </c:pt>
                <c:pt idx="79">
                  <c:v>53.078000000000003</c:v>
                </c:pt>
                <c:pt idx="80">
                  <c:v>56.283999999999999</c:v>
                </c:pt>
                <c:pt idx="81">
                  <c:v>57.942999999999998</c:v>
                </c:pt>
                <c:pt idx="82">
                  <c:v>59.841999999999999</c:v>
                </c:pt>
                <c:pt idx="83">
                  <c:v>61.121000000000002</c:v>
                </c:pt>
                <c:pt idx="84">
                  <c:v>60.292000000000002</c:v>
                </c:pt>
                <c:pt idx="85">
                  <c:v>59.054000000000002</c:v>
                </c:pt>
                <c:pt idx="86">
                  <c:v>60.488</c:v>
                </c:pt>
                <c:pt idx="87">
                  <c:v>60.98</c:v>
                </c:pt>
                <c:pt idx="88">
                  <c:v>62.048999999999999</c:v>
                </c:pt>
                <c:pt idx="89">
                  <c:v>60.32</c:v>
                </c:pt>
                <c:pt idx="90">
                  <c:v>56.847000000000001</c:v>
                </c:pt>
                <c:pt idx="91">
                  <c:v>54.4</c:v>
                </c:pt>
                <c:pt idx="92">
                  <c:v>53.851999999999997</c:v>
                </c:pt>
                <c:pt idx="93">
                  <c:v>52.628999999999998</c:v>
                </c:pt>
                <c:pt idx="94">
                  <c:v>51.433</c:v>
                </c:pt>
                <c:pt idx="95">
                  <c:v>50.701999999999998</c:v>
                </c:pt>
                <c:pt idx="96">
                  <c:v>52.838999999999999</c:v>
                </c:pt>
                <c:pt idx="97">
                  <c:v>55.201999999999998</c:v>
                </c:pt>
                <c:pt idx="98">
                  <c:v>58.154000000000003</c:v>
                </c:pt>
                <c:pt idx="99">
                  <c:v>58.393000000000001</c:v>
                </c:pt>
                <c:pt idx="100">
                  <c:v>58.097999999999999</c:v>
                </c:pt>
                <c:pt idx="101">
                  <c:v>59.462000000000003</c:v>
                </c:pt>
                <c:pt idx="102">
                  <c:v>58.814999999999998</c:v>
                </c:pt>
                <c:pt idx="103">
                  <c:v>57.029000000000003</c:v>
                </c:pt>
                <c:pt idx="104">
                  <c:v>56.860999999999997</c:v>
                </c:pt>
                <c:pt idx="105">
                  <c:v>54.738</c:v>
                </c:pt>
                <c:pt idx="106">
                  <c:v>54.47</c:v>
                </c:pt>
                <c:pt idx="107">
                  <c:v>54.133000000000003</c:v>
                </c:pt>
                <c:pt idx="108">
                  <c:v>52.91</c:v>
                </c:pt>
                <c:pt idx="109">
                  <c:v>54.427999999999997</c:v>
                </c:pt>
                <c:pt idx="110">
                  <c:v>53.725000000000001</c:v>
                </c:pt>
                <c:pt idx="111">
                  <c:v>51.531999999999996</c:v>
                </c:pt>
                <c:pt idx="112">
                  <c:v>52.164999999999999</c:v>
                </c:pt>
                <c:pt idx="113">
                  <c:v>51.475999999999999</c:v>
                </c:pt>
                <c:pt idx="114">
                  <c:v>52.305</c:v>
                </c:pt>
                <c:pt idx="115">
                  <c:v>53.415999999999997</c:v>
                </c:pt>
                <c:pt idx="116">
                  <c:v>53.302999999999997</c:v>
                </c:pt>
                <c:pt idx="117">
                  <c:v>55.609000000000002</c:v>
                </c:pt>
                <c:pt idx="118">
                  <c:v>58.997999999999998</c:v>
                </c:pt>
                <c:pt idx="119">
                  <c:v>59.405999999999999</c:v>
                </c:pt>
                <c:pt idx="120">
                  <c:v>60.179000000000002</c:v>
                </c:pt>
                <c:pt idx="121">
                  <c:v>62.401000000000003</c:v>
                </c:pt>
                <c:pt idx="122">
                  <c:v>64.58</c:v>
                </c:pt>
                <c:pt idx="123">
                  <c:v>68.039000000000001</c:v>
                </c:pt>
                <c:pt idx="124">
                  <c:v>71.765000000000001</c:v>
                </c:pt>
                <c:pt idx="125">
                  <c:v>77.009</c:v>
                </c:pt>
                <c:pt idx="126">
                  <c:v>81.944999999999993</c:v>
                </c:pt>
                <c:pt idx="127">
                  <c:v>84.715000000000003</c:v>
                </c:pt>
                <c:pt idx="128">
                  <c:v>85.122</c:v>
                </c:pt>
                <c:pt idx="129">
                  <c:v>85.614999999999995</c:v>
                </c:pt>
                <c:pt idx="130">
                  <c:v>91.111999999999995</c:v>
                </c:pt>
                <c:pt idx="131">
                  <c:v>94.697999999999993</c:v>
                </c:pt>
                <c:pt idx="132">
                  <c:v>97.382999999999996</c:v>
                </c:pt>
                <c:pt idx="133">
                  <c:v>101.02500000000001</c:v>
                </c:pt>
                <c:pt idx="134">
                  <c:v>100.40600000000001</c:v>
                </c:pt>
                <c:pt idx="135">
                  <c:v>100.505</c:v>
                </c:pt>
                <c:pt idx="136">
                  <c:v>104.47</c:v>
                </c:pt>
                <c:pt idx="137">
                  <c:v>104.751</c:v>
                </c:pt>
                <c:pt idx="138">
                  <c:v>107.59099999999999</c:v>
                </c:pt>
                <c:pt idx="139">
                  <c:v>105.848</c:v>
                </c:pt>
                <c:pt idx="140">
                  <c:v>101.06699999999999</c:v>
                </c:pt>
                <c:pt idx="141">
                  <c:v>99.703000000000003</c:v>
                </c:pt>
                <c:pt idx="142">
                  <c:v>101.334</c:v>
                </c:pt>
                <c:pt idx="143">
                  <c:v>102.65600000000001</c:v>
                </c:pt>
                <c:pt idx="144">
                  <c:v>106.044</c:v>
                </c:pt>
                <c:pt idx="145">
                  <c:v>103.021</c:v>
                </c:pt>
                <c:pt idx="146">
                  <c:v>102.881</c:v>
                </c:pt>
                <c:pt idx="147">
                  <c:v>103.696</c:v>
                </c:pt>
                <c:pt idx="148">
                  <c:v>105.08799999999999</c:v>
                </c:pt>
                <c:pt idx="149">
                  <c:v>104.062</c:v>
                </c:pt>
                <c:pt idx="150">
                  <c:v>96.933000000000007</c:v>
                </c:pt>
                <c:pt idx="151">
                  <c:v>82.676000000000002</c:v>
                </c:pt>
                <c:pt idx="152">
                  <c:v>74.352000000000004</c:v>
                </c:pt>
                <c:pt idx="153">
                  <c:v>67.266000000000005</c:v>
                </c:pt>
                <c:pt idx="154">
                  <c:v>61.781999999999996</c:v>
                </c:pt>
                <c:pt idx="155">
                  <c:v>60.305999999999997</c:v>
                </c:pt>
                <c:pt idx="156">
                  <c:v>53.613</c:v>
                </c:pt>
                <c:pt idx="157">
                  <c:v>46.203000000000003</c:v>
                </c:pt>
                <c:pt idx="158">
                  <c:v>44.136000000000003</c:v>
                </c:pt>
                <c:pt idx="159">
                  <c:v>39.158999999999999</c:v>
                </c:pt>
                <c:pt idx="160">
                  <c:v>34.631</c:v>
                </c:pt>
                <c:pt idx="161">
                  <c:v>33.844000000000001</c:v>
                </c:pt>
                <c:pt idx="162">
                  <c:v>30.905000000000001</c:v>
                </c:pt>
                <c:pt idx="163">
                  <c:v>29.765999999999998</c:v>
                </c:pt>
                <c:pt idx="164">
                  <c:v>30.286000000000001</c:v>
                </c:pt>
                <c:pt idx="165">
                  <c:v>26.94</c:v>
                </c:pt>
                <c:pt idx="166">
                  <c:v>26.068000000000001</c:v>
                </c:pt>
                <c:pt idx="167">
                  <c:v>24.971</c:v>
                </c:pt>
                <c:pt idx="168">
                  <c:v>23.369</c:v>
                </c:pt>
                <c:pt idx="169">
                  <c:v>23.425000000000001</c:v>
                </c:pt>
                <c:pt idx="170">
                  <c:v>22.876000000000001</c:v>
                </c:pt>
                <c:pt idx="171">
                  <c:v>21.625</c:v>
                </c:pt>
                <c:pt idx="172">
                  <c:v>21.597000000000001</c:v>
                </c:pt>
                <c:pt idx="173">
                  <c:v>20.852</c:v>
                </c:pt>
                <c:pt idx="174">
                  <c:v>20.332000000000001</c:v>
                </c:pt>
                <c:pt idx="175">
                  <c:v>19.46</c:v>
                </c:pt>
                <c:pt idx="176">
                  <c:v>18.504000000000001</c:v>
                </c:pt>
                <c:pt idx="177">
                  <c:v>17.66</c:v>
                </c:pt>
                <c:pt idx="178">
                  <c:v>18.460999999999999</c:v>
                </c:pt>
                <c:pt idx="179">
                  <c:v>18.518000000000001</c:v>
                </c:pt>
                <c:pt idx="180">
                  <c:v>19.670999999999999</c:v>
                </c:pt>
                <c:pt idx="181">
                  <c:v>19.614000000000001</c:v>
                </c:pt>
                <c:pt idx="182">
                  <c:v>21.934000000000001</c:v>
                </c:pt>
                <c:pt idx="183">
                  <c:v>21.878</c:v>
                </c:pt>
                <c:pt idx="184">
                  <c:v>23.2</c:v>
                </c:pt>
                <c:pt idx="185">
                  <c:v>23.917000000000002</c:v>
                </c:pt>
                <c:pt idx="186">
                  <c:v>25.66</c:v>
                </c:pt>
                <c:pt idx="187">
                  <c:v>26.728999999999999</c:v>
                </c:pt>
                <c:pt idx="188">
                  <c:v>28.443999999999999</c:v>
                </c:pt>
                <c:pt idx="189">
                  <c:v>27.84</c:v>
                </c:pt>
                <c:pt idx="190">
                  <c:v>28.332000000000001</c:v>
                </c:pt>
                <c:pt idx="191">
                  <c:v>28.768000000000001</c:v>
                </c:pt>
                <c:pt idx="192">
                  <c:v>29.934999999999999</c:v>
                </c:pt>
                <c:pt idx="193">
                  <c:v>30.202000000000002</c:v>
                </c:pt>
                <c:pt idx="194">
                  <c:v>29.977</c:v>
                </c:pt>
                <c:pt idx="195">
                  <c:v>29.471</c:v>
                </c:pt>
                <c:pt idx="196">
                  <c:v>28.992999999999999</c:v>
                </c:pt>
                <c:pt idx="197">
                  <c:v>28.852</c:v>
                </c:pt>
                <c:pt idx="198">
                  <c:v>28.542999999999999</c:v>
                </c:pt>
                <c:pt idx="199">
                  <c:v>27.094999999999999</c:v>
                </c:pt>
                <c:pt idx="200">
                  <c:v>25.786999999999999</c:v>
                </c:pt>
                <c:pt idx="201">
                  <c:v>25.379000000000001</c:v>
                </c:pt>
                <c:pt idx="202">
                  <c:v>24.731999999999999</c:v>
                </c:pt>
                <c:pt idx="203">
                  <c:v>23.803999999999998</c:v>
                </c:pt>
                <c:pt idx="204">
                  <c:v>23.72</c:v>
                </c:pt>
                <c:pt idx="205">
                  <c:v>23.832999999999998</c:v>
                </c:pt>
                <c:pt idx="206">
                  <c:v>22.581</c:v>
                </c:pt>
                <c:pt idx="207">
                  <c:v>21.105</c:v>
                </c:pt>
                <c:pt idx="208">
                  <c:v>18.306999999999999</c:v>
                </c:pt>
                <c:pt idx="209">
                  <c:v>14.117000000000001</c:v>
                </c:pt>
                <c:pt idx="210">
                  <c:v>11.867000000000001</c:v>
                </c:pt>
                <c:pt idx="211">
                  <c:v>11.066000000000001</c:v>
                </c:pt>
                <c:pt idx="212">
                  <c:v>14.426</c:v>
                </c:pt>
                <c:pt idx="213">
                  <c:v>13.259</c:v>
                </c:pt>
                <c:pt idx="214">
                  <c:v>9.9550000000000001</c:v>
                </c:pt>
                <c:pt idx="215">
                  <c:v>10.840999999999999</c:v>
                </c:pt>
                <c:pt idx="216">
                  <c:v>14.44</c:v>
                </c:pt>
                <c:pt idx="217">
                  <c:v>14.44</c:v>
                </c:pt>
                <c:pt idx="218">
                  <c:v>14.44</c:v>
                </c:pt>
                <c:pt idx="219">
                  <c:v>16.577000000000002</c:v>
                </c:pt>
                <c:pt idx="220">
                  <c:v>16.675999999999998</c:v>
                </c:pt>
                <c:pt idx="221">
                  <c:v>18.954000000000001</c:v>
                </c:pt>
                <c:pt idx="222">
                  <c:v>20.599</c:v>
                </c:pt>
                <c:pt idx="223">
                  <c:v>21.372</c:v>
                </c:pt>
                <c:pt idx="224">
                  <c:v>21.372</c:v>
                </c:pt>
                <c:pt idx="225">
                  <c:v>21.372</c:v>
                </c:pt>
                <c:pt idx="226">
                  <c:v>13.315</c:v>
                </c:pt>
                <c:pt idx="227">
                  <c:v>23.030999999999999</c:v>
                </c:pt>
                <c:pt idx="228">
                  <c:v>23.832999999999998</c:v>
                </c:pt>
                <c:pt idx="229">
                  <c:v>23.776</c:v>
                </c:pt>
                <c:pt idx="230">
                  <c:v>24.353000000000002</c:v>
                </c:pt>
                <c:pt idx="231">
                  <c:v>24.353000000000002</c:v>
                </c:pt>
                <c:pt idx="232">
                  <c:v>24.353000000000002</c:v>
                </c:pt>
                <c:pt idx="233">
                  <c:v>24.353000000000002</c:v>
                </c:pt>
                <c:pt idx="234">
                  <c:v>29.401</c:v>
                </c:pt>
                <c:pt idx="235">
                  <c:v>30.666</c:v>
                </c:pt>
                <c:pt idx="236">
                  <c:v>33.801000000000002</c:v>
                </c:pt>
                <c:pt idx="237">
                  <c:v>37.767000000000003</c:v>
                </c:pt>
                <c:pt idx="238">
                  <c:v>37.767000000000003</c:v>
                </c:pt>
                <c:pt idx="239">
                  <c:v>37.767000000000003</c:v>
                </c:pt>
                <c:pt idx="240">
                  <c:v>37.767000000000003</c:v>
                </c:pt>
                <c:pt idx="241">
                  <c:v>42.603000000000002</c:v>
                </c:pt>
                <c:pt idx="242">
                  <c:v>43.686</c:v>
                </c:pt>
                <c:pt idx="243">
                  <c:v>46.765000000000001</c:v>
                </c:pt>
                <c:pt idx="244">
                  <c:v>47.243000000000002</c:v>
                </c:pt>
                <c:pt idx="245">
                  <c:v>47.243000000000002</c:v>
                </c:pt>
                <c:pt idx="246">
                  <c:v>47.243000000000002</c:v>
                </c:pt>
                <c:pt idx="247">
                  <c:v>47.243000000000002</c:v>
                </c:pt>
                <c:pt idx="248">
                  <c:v>51.728999999999999</c:v>
                </c:pt>
                <c:pt idx="249">
                  <c:v>53.627000000000002</c:v>
                </c:pt>
                <c:pt idx="250">
                  <c:v>55.075000000000003</c:v>
                </c:pt>
                <c:pt idx="251">
                  <c:v>58.603999999999999</c:v>
                </c:pt>
                <c:pt idx="252">
                  <c:v>58.603999999999999</c:v>
                </c:pt>
                <c:pt idx="253">
                  <c:v>58.603999999999999</c:v>
                </c:pt>
                <c:pt idx="254">
                  <c:v>58.603999999999999</c:v>
                </c:pt>
                <c:pt idx="255">
                  <c:v>63.399000000000001</c:v>
                </c:pt>
                <c:pt idx="256">
                  <c:v>65.451999999999998</c:v>
                </c:pt>
                <c:pt idx="257">
                  <c:v>68.545000000000002</c:v>
                </c:pt>
                <c:pt idx="258">
                  <c:v>66.772999999999996</c:v>
                </c:pt>
                <c:pt idx="259">
                  <c:v>66.772999999999996</c:v>
                </c:pt>
                <c:pt idx="260">
                  <c:v>66.772999999999996</c:v>
                </c:pt>
                <c:pt idx="261">
                  <c:v>66.772999999999996</c:v>
                </c:pt>
                <c:pt idx="262">
                  <c:v>80.510999999999996</c:v>
                </c:pt>
                <c:pt idx="263">
                  <c:v>84.686999999999998</c:v>
                </c:pt>
                <c:pt idx="264">
                  <c:v>92.265000000000001</c:v>
                </c:pt>
                <c:pt idx="265">
                  <c:v>103.964</c:v>
                </c:pt>
                <c:pt idx="266">
                  <c:v>103.964</c:v>
                </c:pt>
                <c:pt idx="267">
                  <c:v>103.964</c:v>
                </c:pt>
                <c:pt idx="268">
                  <c:v>103.964</c:v>
                </c:pt>
                <c:pt idx="269">
                  <c:v>132.239</c:v>
                </c:pt>
                <c:pt idx="270">
                  <c:v>148.45099999999999</c:v>
                </c:pt>
                <c:pt idx="271">
                  <c:v>171.51</c:v>
                </c:pt>
                <c:pt idx="272">
                  <c:v>193.48699999999999</c:v>
                </c:pt>
                <c:pt idx="273">
                  <c:v>193.48699999999999</c:v>
                </c:pt>
                <c:pt idx="274">
                  <c:v>193.48699999999999</c:v>
                </c:pt>
                <c:pt idx="275">
                  <c:v>193.48699999999999</c:v>
                </c:pt>
                <c:pt idx="276">
                  <c:v>263.59300000000002</c:v>
                </c:pt>
                <c:pt idx="277">
                  <c:v>278.637</c:v>
                </c:pt>
                <c:pt idx="278">
                  <c:v>289.60500000000002</c:v>
                </c:pt>
                <c:pt idx="279">
                  <c:v>310.822</c:v>
                </c:pt>
                <c:pt idx="280">
                  <c:v>310.822</c:v>
                </c:pt>
                <c:pt idx="281">
                  <c:v>310.822</c:v>
                </c:pt>
                <c:pt idx="282">
                  <c:v>310.822</c:v>
                </c:pt>
                <c:pt idx="283">
                  <c:v>389.589</c:v>
                </c:pt>
                <c:pt idx="284">
                  <c:v>407.43200000000002</c:v>
                </c:pt>
                <c:pt idx="285">
                  <c:v>416.20600000000002</c:v>
                </c:pt>
                <c:pt idx="286">
                  <c:v>434.38600000000002</c:v>
                </c:pt>
                <c:pt idx="287">
                  <c:v>434.38600000000002</c:v>
                </c:pt>
                <c:pt idx="288">
                  <c:v>434.38600000000002</c:v>
                </c:pt>
                <c:pt idx="289">
                  <c:v>434.38600000000002</c:v>
                </c:pt>
                <c:pt idx="290">
                  <c:v>424.61399999999998</c:v>
                </c:pt>
                <c:pt idx="291">
                  <c:v>418.14600000000002</c:v>
                </c:pt>
                <c:pt idx="292">
                  <c:v>417.45699999999999</c:v>
                </c:pt>
                <c:pt idx="293">
                  <c:v>435.03300000000002</c:v>
                </c:pt>
                <c:pt idx="294">
                  <c:v>435.03300000000002</c:v>
                </c:pt>
                <c:pt idx="295">
                  <c:v>435.03300000000002</c:v>
                </c:pt>
                <c:pt idx="296">
                  <c:v>435.03300000000002</c:v>
                </c:pt>
                <c:pt idx="297">
                  <c:v>465.69900000000001</c:v>
                </c:pt>
                <c:pt idx="298">
                  <c:v>479.01400000000001</c:v>
                </c:pt>
                <c:pt idx="299">
                  <c:v>496.33600000000001</c:v>
                </c:pt>
                <c:pt idx="300">
                  <c:v>489.78399999999999</c:v>
                </c:pt>
                <c:pt idx="301">
                  <c:v>489.78399999999999</c:v>
                </c:pt>
                <c:pt idx="302">
                  <c:v>489.78399999999999</c:v>
                </c:pt>
                <c:pt idx="303">
                  <c:v>489.78399999999999</c:v>
                </c:pt>
                <c:pt idx="304">
                  <c:v>494.90199999999999</c:v>
                </c:pt>
                <c:pt idx="305">
                  <c:v>501.173</c:v>
                </c:pt>
                <c:pt idx="306">
                  <c:v>510.22800000000001</c:v>
                </c:pt>
                <c:pt idx="307">
                  <c:v>503.12799999999999</c:v>
                </c:pt>
                <c:pt idx="308">
                  <c:v>503.12799999999999</c:v>
                </c:pt>
                <c:pt idx="309">
                  <c:v>503.12799999999999</c:v>
                </c:pt>
                <c:pt idx="310">
                  <c:v>503.12799999999999</c:v>
                </c:pt>
                <c:pt idx="311">
                  <c:v>519.87400000000002</c:v>
                </c:pt>
                <c:pt idx="312">
                  <c:v>543.22799999999995</c:v>
                </c:pt>
                <c:pt idx="313">
                  <c:v>563.61599999999999</c:v>
                </c:pt>
                <c:pt idx="314">
                  <c:v>579.09699999999998</c:v>
                </c:pt>
                <c:pt idx="315">
                  <c:v>579.09699999999998</c:v>
                </c:pt>
                <c:pt idx="316">
                  <c:v>579.09699999999998</c:v>
                </c:pt>
                <c:pt idx="317">
                  <c:v>579.09699999999998</c:v>
                </c:pt>
                <c:pt idx="318">
                  <c:v>608.77800000000002</c:v>
                </c:pt>
                <c:pt idx="319">
                  <c:v>615.73800000000006</c:v>
                </c:pt>
                <c:pt idx="320">
                  <c:v>629.04</c:v>
                </c:pt>
                <c:pt idx="321">
                  <c:v>661.154</c:v>
                </c:pt>
                <c:pt idx="322">
                  <c:v>661.154</c:v>
                </c:pt>
                <c:pt idx="323">
                  <c:v>661.154</c:v>
                </c:pt>
                <c:pt idx="324">
                  <c:v>661.154</c:v>
                </c:pt>
                <c:pt idx="325">
                  <c:v>680.67</c:v>
                </c:pt>
                <c:pt idx="326">
                  <c:v>667.35500000000002</c:v>
                </c:pt>
                <c:pt idx="327">
                  <c:v>542.48299999999995</c:v>
                </c:pt>
                <c:pt idx="328">
                  <c:v>406.74299999999999</c:v>
                </c:pt>
                <c:pt idx="329">
                  <c:v>406.74299999999999</c:v>
                </c:pt>
                <c:pt idx="330">
                  <c:v>406.74299999999999</c:v>
                </c:pt>
                <c:pt idx="331">
                  <c:v>406.74299999999999</c:v>
                </c:pt>
                <c:pt idx="332">
                  <c:v>549.68200000000002</c:v>
                </c:pt>
                <c:pt idx="333">
                  <c:v>581.13499999999999</c:v>
                </c:pt>
                <c:pt idx="334">
                  <c:v>581.13499999999999</c:v>
                </c:pt>
                <c:pt idx="335">
                  <c:v>581.13499999999999</c:v>
                </c:pt>
                <c:pt idx="336">
                  <c:v>581.13499999999999</c:v>
                </c:pt>
                <c:pt idx="337">
                  <c:v>581.13499999999999</c:v>
                </c:pt>
                <c:pt idx="338">
                  <c:v>581.13499999999999</c:v>
                </c:pt>
                <c:pt idx="339">
                  <c:v>579.50400000000002</c:v>
                </c:pt>
                <c:pt idx="340">
                  <c:v>455.125</c:v>
                </c:pt>
                <c:pt idx="341">
                  <c:v>631.38800000000003</c:v>
                </c:pt>
                <c:pt idx="342">
                  <c:v>732.44100000000003</c:v>
                </c:pt>
                <c:pt idx="343">
                  <c:v>732.44100000000003</c:v>
                </c:pt>
                <c:pt idx="344">
                  <c:v>732.44100000000003</c:v>
                </c:pt>
                <c:pt idx="345">
                  <c:v>732.44100000000003</c:v>
                </c:pt>
                <c:pt idx="346">
                  <c:v>521.89800000000002</c:v>
                </c:pt>
                <c:pt idx="347">
                  <c:v>596.93899999999996</c:v>
                </c:pt>
                <c:pt idx="348">
                  <c:v>513.19500000000005</c:v>
                </c:pt>
                <c:pt idx="349">
                  <c:v>478.26900000000001</c:v>
                </c:pt>
                <c:pt idx="350">
                  <c:v>478.26900000000001</c:v>
                </c:pt>
                <c:pt idx="351">
                  <c:v>478.26900000000001</c:v>
                </c:pt>
                <c:pt idx="352">
                  <c:v>478.26900000000001</c:v>
                </c:pt>
                <c:pt idx="353">
                  <c:v>371.18400000000003</c:v>
                </c:pt>
                <c:pt idx="354">
                  <c:v>362.255</c:v>
                </c:pt>
                <c:pt idx="355">
                  <c:v>339.82900000000001</c:v>
                </c:pt>
                <c:pt idx="356">
                  <c:v>332.95299999999997</c:v>
                </c:pt>
                <c:pt idx="357">
                  <c:v>332.95299999999997</c:v>
                </c:pt>
                <c:pt idx="358">
                  <c:v>332.95299999999997</c:v>
                </c:pt>
                <c:pt idx="359">
                  <c:v>332.95299999999997</c:v>
                </c:pt>
                <c:pt idx="360">
                  <c:v>323.72899999999998</c:v>
                </c:pt>
                <c:pt idx="361">
                  <c:v>316.43200000000002</c:v>
                </c:pt>
                <c:pt idx="362">
                  <c:v>303.77800000000002</c:v>
                </c:pt>
                <c:pt idx="363">
                  <c:v>278.27199999999999</c:v>
                </c:pt>
                <c:pt idx="364">
                  <c:v>278.27199999999999</c:v>
                </c:pt>
                <c:pt idx="365">
                  <c:v>278.27199999999999</c:v>
                </c:pt>
                <c:pt idx="366">
                  <c:v>278.27199999999999</c:v>
                </c:pt>
                <c:pt idx="367">
                  <c:v>285.66800000000001</c:v>
                </c:pt>
                <c:pt idx="368">
                  <c:v>287.45299999999997</c:v>
                </c:pt>
                <c:pt idx="369">
                  <c:v>282.85599999999999</c:v>
                </c:pt>
                <c:pt idx="370">
                  <c:v>296.74700000000001</c:v>
                </c:pt>
                <c:pt idx="371">
                  <c:v>296.74700000000001</c:v>
                </c:pt>
                <c:pt idx="372">
                  <c:v>296.74700000000001</c:v>
                </c:pt>
                <c:pt idx="373">
                  <c:v>296.74700000000001</c:v>
                </c:pt>
                <c:pt idx="374">
                  <c:v>275.13600000000002</c:v>
                </c:pt>
                <c:pt idx="375">
                  <c:v>271.762</c:v>
                </c:pt>
                <c:pt idx="376">
                  <c:v>279.84699999999998</c:v>
                </c:pt>
                <c:pt idx="377">
                  <c:v>286.11799999999999</c:v>
                </c:pt>
                <c:pt idx="378">
                  <c:v>286.11799999999999</c:v>
                </c:pt>
                <c:pt idx="379">
                  <c:v>286.11799999999999</c:v>
                </c:pt>
                <c:pt idx="380">
                  <c:v>286.11799999999999</c:v>
                </c:pt>
                <c:pt idx="381">
                  <c:v>305.04300000000001</c:v>
                </c:pt>
                <c:pt idx="382">
                  <c:v>307.33499999999998</c:v>
                </c:pt>
                <c:pt idx="383">
                  <c:v>315.58800000000002</c:v>
                </c:pt>
                <c:pt idx="384">
                  <c:v>319.947</c:v>
                </c:pt>
                <c:pt idx="385">
                  <c:v>319.947</c:v>
                </c:pt>
                <c:pt idx="386">
                  <c:v>319.947</c:v>
                </c:pt>
                <c:pt idx="387">
                  <c:v>319.947</c:v>
                </c:pt>
                <c:pt idx="388">
                  <c:v>340.68599999999998</c:v>
                </c:pt>
                <c:pt idx="389">
                  <c:v>356.68700000000001</c:v>
                </c:pt>
                <c:pt idx="390">
                  <c:v>357.74200000000002</c:v>
                </c:pt>
                <c:pt idx="391">
                  <c:v>367.584</c:v>
                </c:pt>
                <c:pt idx="392">
                  <c:v>367.584</c:v>
                </c:pt>
                <c:pt idx="393">
                  <c:v>367.584</c:v>
                </c:pt>
                <c:pt idx="394">
                  <c:v>367.584</c:v>
                </c:pt>
                <c:pt idx="395">
                  <c:v>379.83100000000002</c:v>
                </c:pt>
                <c:pt idx="396">
                  <c:v>391.19200000000001</c:v>
                </c:pt>
                <c:pt idx="397">
                  <c:v>388.98399999999998</c:v>
                </c:pt>
                <c:pt idx="398">
                  <c:v>388.80200000000002</c:v>
                </c:pt>
                <c:pt idx="399">
                  <c:v>388.80200000000002</c:v>
                </c:pt>
                <c:pt idx="400">
                  <c:v>388.80200000000002</c:v>
                </c:pt>
                <c:pt idx="401">
                  <c:v>388.80200000000002</c:v>
                </c:pt>
                <c:pt idx="402">
                  <c:v>377.69400000000002</c:v>
                </c:pt>
                <c:pt idx="403">
                  <c:v>374.01</c:v>
                </c:pt>
                <c:pt idx="404">
                  <c:v>380.50599999999997</c:v>
                </c:pt>
                <c:pt idx="405">
                  <c:v>387.59199999999998</c:v>
                </c:pt>
                <c:pt idx="406">
                  <c:v>387.59199999999998</c:v>
                </c:pt>
                <c:pt idx="407">
                  <c:v>387.59199999999998</c:v>
                </c:pt>
                <c:pt idx="408">
                  <c:v>387.59199999999998</c:v>
                </c:pt>
                <c:pt idx="409">
                  <c:v>412.17</c:v>
                </c:pt>
                <c:pt idx="410">
                  <c:v>424.31799999999998</c:v>
                </c:pt>
                <c:pt idx="411">
                  <c:v>440.72699999999998</c:v>
                </c:pt>
                <c:pt idx="412">
                  <c:v>446.351</c:v>
                </c:pt>
                <c:pt idx="413">
                  <c:v>446.351</c:v>
                </c:pt>
                <c:pt idx="414">
                  <c:v>446.351</c:v>
                </c:pt>
                <c:pt idx="415">
                  <c:v>446.351</c:v>
                </c:pt>
                <c:pt idx="416">
                  <c:v>464.64400000000001</c:v>
                </c:pt>
                <c:pt idx="417">
                  <c:v>476.84899999999999</c:v>
                </c:pt>
                <c:pt idx="418">
                  <c:v>494.27</c:v>
                </c:pt>
                <c:pt idx="419">
                  <c:v>502.60700000000003</c:v>
                </c:pt>
                <c:pt idx="420">
                  <c:v>502.60700000000003</c:v>
                </c:pt>
                <c:pt idx="421">
                  <c:v>502.60700000000003</c:v>
                </c:pt>
                <c:pt idx="422">
                  <c:v>502.60700000000003</c:v>
                </c:pt>
                <c:pt idx="423">
                  <c:v>535.84699999999998</c:v>
                </c:pt>
                <c:pt idx="424">
                  <c:v>546.98199999999997</c:v>
                </c:pt>
                <c:pt idx="425">
                  <c:v>555.40499999999997</c:v>
                </c:pt>
                <c:pt idx="426">
                  <c:v>466.43</c:v>
                </c:pt>
                <c:pt idx="427">
                  <c:v>466.43</c:v>
                </c:pt>
                <c:pt idx="428">
                  <c:v>466.43</c:v>
                </c:pt>
                <c:pt idx="429">
                  <c:v>466.43</c:v>
                </c:pt>
                <c:pt idx="430">
                  <c:v>542.005</c:v>
                </c:pt>
                <c:pt idx="431">
                  <c:v>519.12900000000002</c:v>
                </c:pt>
                <c:pt idx="432">
                  <c:v>512.33699999999999</c:v>
                </c:pt>
                <c:pt idx="433">
                  <c:v>621.61599999999999</c:v>
                </c:pt>
                <c:pt idx="434">
                  <c:v>621.61599999999999</c:v>
                </c:pt>
                <c:pt idx="435">
                  <c:v>621.61599999999999</c:v>
                </c:pt>
                <c:pt idx="436">
                  <c:v>621.61599999999999</c:v>
                </c:pt>
                <c:pt idx="437">
                  <c:v>583.69399999999996</c:v>
                </c:pt>
                <c:pt idx="438">
                  <c:v>612.72900000000004</c:v>
                </c:pt>
                <c:pt idx="439">
                  <c:v>602.50699999999995</c:v>
                </c:pt>
                <c:pt idx="440">
                  <c:v>600.90499999999997</c:v>
                </c:pt>
                <c:pt idx="441">
                  <c:v>600.90499999999997</c:v>
                </c:pt>
                <c:pt idx="442">
                  <c:v>600.90499999999997</c:v>
                </c:pt>
                <c:pt idx="443">
                  <c:v>600.90499999999997</c:v>
                </c:pt>
                <c:pt idx="444">
                  <c:v>566.97699999999998</c:v>
                </c:pt>
                <c:pt idx="445">
                  <c:v>547.72799999999995</c:v>
                </c:pt>
                <c:pt idx="446">
                  <c:v>556.74</c:v>
                </c:pt>
                <c:pt idx="447">
                  <c:v>537.18200000000002</c:v>
                </c:pt>
                <c:pt idx="448">
                  <c:v>537.18200000000002</c:v>
                </c:pt>
                <c:pt idx="449">
                  <c:v>537.18200000000002</c:v>
                </c:pt>
                <c:pt idx="450">
                  <c:v>537.18200000000002</c:v>
                </c:pt>
                <c:pt idx="451">
                  <c:v>512.14</c:v>
                </c:pt>
                <c:pt idx="452">
                  <c:v>508.71</c:v>
                </c:pt>
                <c:pt idx="453">
                  <c:v>500.58300000000003</c:v>
                </c:pt>
                <c:pt idx="454">
                  <c:v>495.78800000000001</c:v>
                </c:pt>
                <c:pt idx="455">
                  <c:v>495.78800000000001</c:v>
                </c:pt>
                <c:pt idx="456">
                  <c:v>495.78800000000001</c:v>
                </c:pt>
                <c:pt idx="457">
                  <c:v>495.78800000000001</c:v>
                </c:pt>
                <c:pt idx="458">
                  <c:v>496.33600000000001</c:v>
                </c:pt>
                <c:pt idx="459">
                  <c:v>493.173</c:v>
                </c:pt>
                <c:pt idx="460">
                  <c:v>484.28699999999998</c:v>
                </c:pt>
                <c:pt idx="461">
                  <c:v>480.70100000000002</c:v>
                </c:pt>
                <c:pt idx="462">
                  <c:v>480.70100000000002</c:v>
                </c:pt>
                <c:pt idx="463">
                  <c:v>480.70100000000002</c:v>
                </c:pt>
                <c:pt idx="464">
                  <c:v>480.70100000000002</c:v>
                </c:pt>
                <c:pt idx="465">
                  <c:v>464.7</c:v>
                </c:pt>
                <c:pt idx="466">
                  <c:v>454.70299999999997</c:v>
                </c:pt>
                <c:pt idx="467">
                  <c:v>362.94400000000002</c:v>
                </c:pt>
                <c:pt idx="468">
                  <c:v>412.45100000000002</c:v>
                </c:pt>
                <c:pt idx="469">
                  <c:v>412.45100000000002</c:v>
                </c:pt>
                <c:pt idx="470">
                  <c:v>412.45100000000002</c:v>
                </c:pt>
                <c:pt idx="471">
                  <c:v>412.45100000000002</c:v>
                </c:pt>
                <c:pt idx="472">
                  <c:v>359.09199999999998</c:v>
                </c:pt>
                <c:pt idx="473">
                  <c:v>335.03399999999999</c:v>
                </c:pt>
                <c:pt idx="474">
                  <c:v>382.995</c:v>
                </c:pt>
                <c:pt idx="475">
                  <c:v>298.29399999999998</c:v>
                </c:pt>
                <c:pt idx="476">
                  <c:v>298.29399999999998</c:v>
                </c:pt>
                <c:pt idx="477">
                  <c:v>298.29399999999998</c:v>
                </c:pt>
                <c:pt idx="478">
                  <c:v>298.29399999999998</c:v>
                </c:pt>
                <c:pt idx="479">
                  <c:v>242.291</c:v>
                </c:pt>
                <c:pt idx="480">
                  <c:v>215.75899999999999</c:v>
                </c:pt>
                <c:pt idx="481">
                  <c:v>187.005</c:v>
                </c:pt>
                <c:pt idx="482">
                  <c:v>142.46100000000001</c:v>
                </c:pt>
                <c:pt idx="483">
                  <c:v>142.46100000000001</c:v>
                </c:pt>
                <c:pt idx="484">
                  <c:v>142.46100000000001</c:v>
                </c:pt>
                <c:pt idx="485">
                  <c:v>142.46100000000001</c:v>
                </c:pt>
                <c:pt idx="486">
                  <c:v>57.62</c:v>
                </c:pt>
                <c:pt idx="487">
                  <c:v>19.207000000000001</c:v>
                </c:pt>
                <c:pt idx="488">
                  <c:v>119.79600000000001</c:v>
                </c:pt>
                <c:pt idx="489">
                  <c:v>134.82599999999999</c:v>
                </c:pt>
                <c:pt idx="490">
                  <c:v>134.82599999999999</c:v>
                </c:pt>
                <c:pt idx="491">
                  <c:v>134.82599999999999</c:v>
                </c:pt>
                <c:pt idx="492">
                  <c:v>134.82599999999999</c:v>
                </c:pt>
                <c:pt idx="493">
                  <c:v>172.38200000000001</c:v>
                </c:pt>
                <c:pt idx="494">
                  <c:v>188.76300000000001</c:v>
                </c:pt>
                <c:pt idx="495">
                  <c:v>80.650999999999996</c:v>
                </c:pt>
                <c:pt idx="496">
                  <c:v>75.841999999999999</c:v>
                </c:pt>
                <c:pt idx="497">
                  <c:v>75.841999999999999</c:v>
                </c:pt>
                <c:pt idx="498">
                  <c:v>75.841999999999999</c:v>
                </c:pt>
                <c:pt idx="499">
                  <c:v>75.841999999999999</c:v>
                </c:pt>
                <c:pt idx="500">
                  <c:v>54.878</c:v>
                </c:pt>
                <c:pt idx="501">
                  <c:v>38.497999999999998</c:v>
                </c:pt>
                <c:pt idx="502">
                  <c:v>26.812999999999999</c:v>
                </c:pt>
                <c:pt idx="503">
                  <c:v>16.591000000000001</c:v>
                </c:pt>
                <c:pt idx="504">
                  <c:v>16.591000000000001</c:v>
                </c:pt>
                <c:pt idx="505">
                  <c:v>16.591000000000001</c:v>
                </c:pt>
                <c:pt idx="506">
                  <c:v>16.591000000000001</c:v>
                </c:pt>
                <c:pt idx="507">
                  <c:v>47.496000000000002</c:v>
                </c:pt>
                <c:pt idx="508">
                  <c:v>54.582999999999998</c:v>
                </c:pt>
                <c:pt idx="509">
                  <c:v>59.898000000000003</c:v>
                </c:pt>
                <c:pt idx="510">
                  <c:v>59.898000000000003</c:v>
                </c:pt>
                <c:pt idx="511">
                  <c:v>59.898000000000003</c:v>
                </c:pt>
                <c:pt idx="512">
                  <c:v>59.898000000000003</c:v>
                </c:pt>
                <c:pt idx="513">
                  <c:v>59.898000000000003</c:v>
                </c:pt>
                <c:pt idx="514">
                  <c:v>24.311</c:v>
                </c:pt>
                <c:pt idx="515">
                  <c:v>20.696999999999999</c:v>
                </c:pt>
                <c:pt idx="516">
                  <c:v>23.297999999999998</c:v>
                </c:pt>
                <c:pt idx="517">
                  <c:v>27.896000000000001</c:v>
                </c:pt>
                <c:pt idx="518">
                  <c:v>27.896000000000001</c:v>
                </c:pt>
                <c:pt idx="519">
                  <c:v>27.896000000000001</c:v>
                </c:pt>
                <c:pt idx="520">
                  <c:v>27.896000000000001</c:v>
                </c:pt>
                <c:pt idx="521">
                  <c:v>27.937999999999999</c:v>
                </c:pt>
                <c:pt idx="522">
                  <c:v>29.428999999999998</c:v>
                </c:pt>
                <c:pt idx="523">
                  <c:v>24.675999999999998</c:v>
                </c:pt>
                <c:pt idx="524">
                  <c:v>23.34</c:v>
                </c:pt>
                <c:pt idx="525">
                  <c:v>23.34</c:v>
                </c:pt>
                <c:pt idx="526">
                  <c:v>23.34</c:v>
                </c:pt>
                <c:pt idx="527">
                  <c:v>23.34</c:v>
                </c:pt>
                <c:pt idx="528">
                  <c:v>20.795999999999999</c:v>
                </c:pt>
                <c:pt idx="529">
                  <c:v>20.992000000000001</c:v>
                </c:pt>
                <c:pt idx="530">
                  <c:v>22.707999999999998</c:v>
                </c:pt>
                <c:pt idx="531">
                  <c:v>24.564</c:v>
                </c:pt>
                <c:pt idx="532">
                  <c:v>24.564</c:v>
                </c:pt>
                <c:pt idx="533">
                  <c:v>24.564</c:v>
                </c:pt>
                <c:pt idx="534">
                  <c:v>24.564</c:v>
                </c:pt>
                <c:pt idx="535">
                  <c:v>29.105</c:v>
                </c:pt>
                <c:pt idx="536">
                  <c:v>30.68</c:v>
                </c:pt>
                <c:pt idx="537">
                  <c:v>33.997999999999998</c:v>
                </c:pt>
                <c:pt idx="538">
                  <c:v>35.32</c:v>
                </c:pt>
                <c:pt idx="539">
                  <c:v>35.32</c:v>
                </c:pt>
                <c:pt idx="540">
                  <c:v>35.32</c:v>
                </c:pt>
                <c:pt idx="541">
                  <c:v>35.32</c:v>
                </c:pt>
                <c:pt idx="542">
                  <c:v>40.423999999999999</c:v>
                </c:pt>
                <c:pt idx="543">
                  <c:v>42.701999999999998</c:v>
                </c:pt>
                <c:pt idx="544">
                  <c:v>43.207999999999998</c:v>
                </c:pt>
                <c:pt idx="545">
                  <c:v>45.57</c:v>
                </c:pt>
                <c:pt idx="546">
                  <c:v>45.57</c:v>
                </c:pt>
                <c:pt idx="547">
                  <c:v>45.57</c:v>
                </c:pt>
                <c:pt idx="548">
                  <c:v>45.57</c:v>
                </c:pt>
                <c:pt idx="549">
                  <c:v>52.670999999999999</c:v>
                </c:pt>
                <c:pt idx="550">
                  <c:v>56.72</c:v>
                </c:pt>
                <c:pt idx="551">
                  <c:v>60.164999999999999</c:v>
                </c:pt>
                <c:pt idx="552">
                  <c:v>63.244</c:v>
                </c:pt>
                <c:pt idx="553">
                  <c:v>63.244</c:v>
                </c:pt>
                <c:pt idx="554">
                  <c:v>63.244</c:v>
                </c:pt>
                <c:pt idx="555">
                  <c:v>63.244</c:v>
                </c:pt>
                <c:pt idx="556">
                  <c:v>69.191999999999993</c:v>
                </c:pt>
                <c:pt idx="557">
                  <c:v>73.507999999999996</c:v>
                </c:pt>
                <c:pt idx="558">
                  <c:v>76.194000000000003</c:v>
                </c:pt>
                <c:pt idx="559">
                  <c:v>78.864999999999995</c:v>
                </c:pt>
                <c:pt idx="560">
                  <c:v>78.864999999999995</c:v>
                </c:pt>
                <c:pt idx="561">
                  <c:v>78.864999999999995</c:v>
                </c:pt>
                <c:pt idx="562">
                  <c:v>78.864999999999995</c:v>
                </c:pt>
                <c:pt idx="563">
                  <c:v>86.289000000000001</c:v>
                </c:pt>
                <c:pt idx="564">
                  <c:v>87.471000000000004</c:v>
                </c:pt>
                <c:pt idx="565">
                  <c:v>90.747</c:v>
                </c:pt>
                <c:pt idx="566">
                  <c:v>90.507999999999996</c:v>
                </c:pt>
                <c:pt idx="567">
                  <c:v>90.507999999999996</c:v>
                </c:pt>
                <c:pt idx="568">
                  <c:v>90.507999999999996</c:v>
                </c:pt>
                <c:pt idx="569">
                  <c:v>90.507999999999996</c:v>
                </c:pt>
                <c:pt idx="570">
                  <c:v>89.986999999999995</c:v>
                </c:pt>
                <c:pt idx="571">
                  <c:v>89.284000000000006</c:v>
                </c:pt>
                <c:pt idx="572">
                  <c:v>92.42</c:v>
                </c:pt>
                <c:pt idx="573">
                  <c:v>96.019000000000005</c:v>
                </c:pt>
                <c:pt idx="574">
                  <c:v>96.019000000000005</c:v>
                </c:pt>
                <c:pt idx="575">
                  <c:v>96.019000000000005</c:v>
                </c:pt>
                <c:pt idx="576">
                  <c:v>96.019000000000005</c:v>
                </c:pt>
                <c:pt idx="577">
                  <c:v>104.821</c:v>
                </c:pt>
                <c:pt idx="578">
                  <c:v>102.48699999999999</c:v>
                </c:pt>
                <c:pt idx="579">
                  <c:v>98.311000000000007</c:v>
                </c:pt>
                <c:pt idx="580">
                  <c:v>99.998000000000005</c:v>
                </c:pt>
                <c:pt idx="581">
                  <c:v>99.998000000000005</c:v>
                </c:pt>
                <c:pt idx="582">
                  <c:v>99.998000000000005</c:v>
                </c:pt>
                <c:pt idx="583">
                  <c:v>99.998000000000005</c:v>
                </c:pt>
                <c:pt idx="584">
                  <c:v>93.305999999999997</c:v>
                </c:pt>
                <c:pt idx="585">
                  <c:v>101.84</c:v>
                </c:pt>
                <c:pt idx="586">
                  <c:v>104.104</c:v>
                </c:pt>
                <c:pt idx="587">
                  <c:v>105.34099999999999</c:v>
                </c:pt>
                <c:pt idx="588">
                  <c:v>105.34099999999999</c:v>
                </c:pt>
                <c:pt idx="589">
                  <c:v>105.34099999999999</c:v>
                </c:pt>
                <c:pt idx="590">
                  <c:v>105.34099999999999</c:v>
                </c:pt>
                <c:pt idx="591">
                  <c:v>115.634</c:v>
                </c:pt>
                <c:pt idx="592">
                  <c:v>107.001</c:v>
                </c:pt>
                <c:pt idx="593">
                  <c:v>104.58199999999999</c:v>
                </c:pt>
                <c:pt idx="594">
                  <c:v>97.932000000000002</c:v>
                </c:pt>
                <c:pt idx="595">
                  <c:v>97.932000000000002</c:v>
                </c:pt>
                <c:pt idx="596">
                  <c:v>97.932000000000002</c:v>
                </c:pt>
                <c:pt idx="597">
                  <c:v>97.932000000000002</c:v>
                </c:pt>
                <c:pt idx="598">
                  <c:v>74.45</c:v>
                </c:pt>
                <c:pt idx="599">
                  <c:v>71.834999999999994</c:v>
                </c:pt>
                <c:pt idx="600">
                  <c:v>65.635000000000005</c:v>
                </c:pt>
                <c:pt idx="601">
                  <c:v>62.218000000000004</c:v>
                </c:pt>
                <c:pt idx="602">
                  <c:v>62.218000000000004</c:v>
                </c:pt>
                <c:pt idx="603">
                  <c:v>62.218000000000004</c:v>
                </c:pt>
                <c:pt idx="604">
                  <c:v>62.218000000000004</c:v>
                </c:pt>
                <c:pt idx="605">
                  <c:v>59.124000000000002</c:v>
                </c:pt>
                <c:pt idx="606">
                  <c:v>58.323</c:v>
                </c:pt>
                <c:pt idx="607">
                  <c:v>59.686999999999998</c:v>
                </c:pt>
                <c:pt idx="608">
                  <c:v>59.728999999999999</c:v>
                </c:pt>
                <c:pt idx="609">
                  <c:v>59.728999999999999</c:v>
                </c:pt>
                <c:pt idx="610">
                  <c:v>59.728999999999999</c:v>
                </c:pt>
                <c:pt idx="611">
                  <c:v>59.728999999999999</c:v>
                </c:pt>
                <c:pt idx="612">
                  <c:v>61.31799999999999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3087-46BD-BC7A-A8469521D25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159459055"/>
        <c:axId val="1168545983"/>
      </c:lineChart>
      <c:lineChart>
        <c:grouping val="standard"/>
        <c:varyColors val="0"/>
        <c:ser>
          <c:idx val="1"/>
          <c:order val="1"/>
          <c:tx>
            <c:strRef>
              <c:f>'owid-covid-data'!$P$1</c:f>
              <c:strCache>
                <c:ptCount val="1"/>
                <c:pt idx="0">
                  <c:v>New Deaths Per Million</c:v>
                </c:pt>
              </c:strCache>
            </c:strRef>
          </c:tx>
          <c:spPr>
            <a:ln w="34925" cap="rnd">
              <a:solidFill>
                <a:schemeClr val="accent2"/>
              </a:solidFill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numRef>
              <c:f>'owid-covid-data'!$D$2:$D$121540</c:f>
              <c:numCache>
                <c:formatCode>m/d/yyyy</c:formatCode>
                <c:ptCount val="613"/>
                <c:pt idx="0">
                  <c:v>43862</c:v>
                </c:pt>
                <c:pt idx="1">
                  <c:v>43863</c:v>
                </c:pt>
                <c:pt idx="2">
                  <c:v>43864</c:v>
                </c:pt>
                <c:pt idx="3">
                  <c:v>43865</c:v>
                </c:pt>
                <c:pt idx="4">
                  <c:v>43866</c:v>
                </c:pt>
                <c:pt idx="5">
                  <c:v>43867</c:v>
                </c:pt>
                <c:pt idx="6">
                  <c:v>43868</c:v>
                </c:pt>
                <c:pt idx="7">
                  <c:v>43869</c:v>
                </c:pt>
                <c:pt idx="8">
                  <c:v>43870</c:v>
                </c:pt>
                <c:pt idx="9">
                  <c:v>43871</c:v>
                </c:pt>
                <c:pt idx="10">
                  <c:v>43872</c:v>
                </c:pt>
                <c:pt idx="11">
                  <c:v>43873</c:v>
                </c:pt>
                <c:pt idx="12">
                  <c:v>43874</c:v>
                </c:pt>
                <c:pt idx="13">
                  <c:v>43875</c:v>
                </c:pt>
                <c:pt idx="14">
                  <c:v>43876</c:v>
                </c:pt>
                <c:pt idx="15">
                  <c:v>43877</c:v>
                </c:pt>
                <c:pt idx="16">
                  <c:v>43878</c:v>
                </c:pt>
                <c:pt idx="17">
                  <c:v>43879</c:v>
                </c:pt>
                <c:pt idx="18">
                  <c:v>43880</c:v>
                </c:pt>
                <c:pt idx="19">
                  <c:v>43881</c:v>
                </c:pt>
                <c:pt idx="20">
                  <c:v>43882</c:v>
                </c:pt>
                <c:pt idx="21">
                  <c:v>43883</c:v>
                </c:pt>
                <c:pt idx="22">
                  <c:v>43884</c:v>
                </c:pt>
                <c:pt idx="23">
                  <c:v>43885</c:v>
                </c:pt>
                <c:pt idx="24">
                  <c:v>43886</c:v>
                </c:pt>
                <c:pt idx="25">
                  <c:v>43887</c:v>
                </c:pt>
                <c:pt idx="26">
                  <c:v>43888</c:v>
                </c:pt>
                <c:pt idx="27">
                  <c:v>43889</c:v>
                </c:pt>
                <c:pt idx="28">
                  <c:v>43890</c:v>
                </c:pt>
                <c:pt idx="29">
                  <c:v>43891</c:v>
                </c:pt>
                <c:pt idx="30">
                  <c:v>43892</c:v>
                </c:pt>
                <c:pt idx="31">
                  <c:v>43893</c:v>
                </c:pt>
                <c:pt idx="32">
                  <c:v>43894</c:v>
                </c:pt>
                <c:pt idx="33">
                  <c:v>43895</c:v>
                </c:pt>
                <c:pt idx="34">
                  <c:v>43896</c:v>
                </c:pt>
                <c:pt idx="35">
                  <c:v>43897</c:v>
                </c:pt>
                <c:pt idx="36">
                  <c:v>43898</c:v>
                </c:pt>
                <c:pt idx="37">
                  <c:v>43899</c:v>
                </c:pt>
                <c:pt idx="38">
                  <c:v>43900</c:v>
                </c:pt>
                <c:pt idx="39">
                  <c:v>43901</c:v>
                </c:pt>
                <c:pt idx="40">
                  <c:v>43902</c:v>
                </c:pt>
                <c:pt idx="41">
                  <c:v>43903</c:v>
                </c:pt>
                <c:pt idx="42">
                  <c:v>43904</c:v>
                </c:pt>
                <c:pt idx="43">
                  <c:v>43905</c:v>
                </c:pt>
                <c:pt idx="44">
                  <c:v>43906</c:v>
                </c:pt>
                <c:pt idx="45">
                  <c:v>43907</c:v>
                </c:pt>
                <c:pt idx="46">
                  <c:v>43908</c:v>
                </c:pt>
                <c:pt idx="47">
                  <c:v>43909</c:v>
                </c:pt>
                <c:pt idx="48">
                  <c:v>43910</c:v>
                </c:pt>
                <c:pt idx="49">
                  <c:v>43911</c:v>
                </c:pt>
                <c:pt idx="50">
                  <c:v>43912</c:v>
                </c:pt>
                <c:pt idx="51">
                  <c:v>43913</c:v>
                </c:pt>
                <c:pt idx="52">
                  <c:v>43914</c:v>
                </c:pt>
                <c:pt idx="53">
                  <c:v>43915</c:v>
                </c:pt>
                <c:pt idx="54">
                  <c:v>43916</c:v>
                </c:pt>
                <c:pt idx="55">
                  <c:v>43917</c:v>
                </c:pt>
                <c:pt idx="56">
                  <c:v>43918</c:v>
                </c:pt>
                <c:pt idx="57">
                  <c:v>43919</c:v>
                </c:pt>
                <c:pt idx="58">
                  <c:v>43920</c:v>
                </c:pt>
                <c:pt idx="59">
                  <c:v>43921</c:v>
                </c:pt>
                <c:pt idx="60">
                  <c:v>43922</c:v>
                </c:pt>
                <c:pt idx="61">
                  <c:v>43923</c:v>
                </c:pt>
                <c:pt idx="62">
                  <c:v>43924</c:v>
                </c:pt>
                <c:pt idx="63">
                  <c:v>43925</c:v>
                </c:pt>
                <c:pt idx="64">
                  <c:v>43926</c:v>
                </c:pt>
                <c:pt idx="65">
                  <c:v>43927</c:v>
                </c:pt>
                <c:pt idx="66">
                  <c:v>43928</c:v>
                </c:pt>
                <c:pt idx="67">
                  <c:v>43929</c:v>
                </c:pt>
                <c:pt idx="68">
                  <c:v>43930</c:v>
                </c:pt>
                <c:pt idx="69">
                  <c:v>43931</c:v>
                </c:pt>
                <c:pt idx="70">
                  <c:v>43932</c:v>
                </c:pt>
                <c:pt idx="71">
                  <c:v>43933</c:v>
                </c:pt>
                <c:pt idx="72">
                  <c:v>43934</c:v>
                </c:pt>
                <c:pt idx="73">
                  <c:v>43935</c:v>
                </c:pt>
                <c:pt idx="74">
                  <c:v>43936</c:v>
                </c:pt>
                <c:pt idx="75">
                  <c:v>43937</c:v>
                </c:pt>
                <c:pt idx="76">
                  <c:v>43938</c:v>
                </c:pt>
                <c:pt idx="77">
                  <c:v>43939</c:v>
                </c:pt>
                <c:pt idx="78">
                  <c:v>43940</c:v>
                </c:pt>
                <c:pt idx="79">
                  <c:v>43941</c:v>
                </c:pt>
                <c:pt idx="80">
                  <c:v>43942</c:v>
                </c:pt>
                <c:pt idx="81">
                  <c:v>43943</c:v>
                </c:pt>
                <c:pt idx="82">
                  <c:v>43944</c:v>
                </c:pt>
                <c:pt idx="83">
                  <c:v>43945</c:v>
                </c:pt>
                <c:pt idx="84">
                  <c:v>43946</c:v>
                </c:pt>
                <c:pt idx="85">
                  <c:v>43947</c:v>
                </c:pt>
                <c:pt idx="86">
                  <c:v>43948</c:v>
                </c:pt>
                <c:pt idx="87">
                  <c:v>43949</c:v>
                </c:pt>
                <c:pt idx="88">
                  <c:v>43950</c:v>
                </c:pt>
                <c:pt idx="89">
                  <c:v>43951</c:v>
                </c:pt>
                <c:pt idx="90">
                  <c:v>43952</c:v>
                </c:pt>
                <c:pt idx="91">
                  <c:v>43953</c:v>
                </c:pt>
                <c:pt idx="92">
                  <c:v>43954</c:v>
                </c:pt>
                <c:pt idx="93">
                  <c:v>43955</c:v>
                </c:pt>
                <c:pt idx="94">
                  <c:v>43956</c:v>
                </c:pt>
                <c:pt idx="95">
                  <c:v>43957</c:v>
                </c:pt>
                <c:pt idx="96">
                  <c:v>43958</c:v>
                </c:pt>
                <c:pt idx="97">
                  <c:v>43959</c:v>
                </c:pt>
                <c:pt idx="98">
                  <c:v>43960</c:v>
                </c:pt>
                <c:pt idx="99">
                  <c:v>43961</c:v>
                </c:pt>
                <c:pt idx="100">
                  <c:v>43962</c:v>
                </c:pt>
                <c:pt idx="101">
                  <c:v>43963</c:v>
                </c:pt>
                <c:pt idx="102">
                  <c:v>43964</c:v>
                </c:pt>
                <c:pt idx="103">
                  <c:v>43965</c:v>
                </c:pt>
                <c:pt idx="104">
                  <c:v>43966</c:v>
                </c:pt>
                <c:pt idx="105">
                  <c:v>43967</c:v>
                </c:pt>
                <c:pt idx="106">
                  <c:v>43968</c:v>
                </c:pt>
                <c:pt idx="107">
                  <c:v>43969</c:v>
                </c:pt>
                <c:pt idx="108">
                  <c:v>43970</c:v>
                </c:pt>
                <c:pt idx="109">
                  <c:v>43971</c:v>
                </c:pt>
                <c:pt idx="110">
                  <c:v>43972</c:v>
                </c:pt>
                <c:pt idx="111">
                  <c:v>43973</c:v>
                </c:pt>
                <c:pt idx="112">
                  <c:v>43974</c:v>
                </c:pt>
                <c:pt idx="113">
                  <c:v>43975</c:v>
                </c:pt>
                <c:pt idx="114">
                  <c:v>43976</c:v>
                </c:pt>
                <c:pt idx="115">
                  <c:v>43977</c:v>
                </c:pt>
                <c:pt idx="116">
                  <c:v>43978</c:v>
                </c:pt>
                <c:pt idx="117">
                  <c:v>43979</c:v>
                </c:pt>
                <c:pt idx="118">
                  <c:v>43980</c:v>
                </c:pt>
                <c:pt idx="119">
                  <c:v>43981</c:v>
                </c:pt>
                <c:pt idx="120">
                  <c:v>43982</c:v>
                </c:pt>
                <c:pt idx="121">
                  <c:v>43983</c:v>
                </c:pt>
                <c:pt idx="122">
                  <c:v>43984</c:v>
                </c:pt>
                <c:pt idx="123">
                  <c:v>43985</c:v>
                </c:pt>
                <c:pt idx="124">
                  <c:v>43986</c:v>
                </c:pt>
                <c:pt idx="125">
                  <c:v>43987</c:v>
                </c:pt>
                <c:pt idx="126">
                  <c:v>43988</c:v>
                </c:pt>
                <c:pt idx="127">
                  <c:v>43989</c:v>
                </c:pt>
                <c:pt idx="128">
                  <c:v>43990</c:v>
                </c:pt>
                <c:pt idx="129">
                  <c:v>43991</c:v>
                </c:pt>
                <c:pt idx="130">
                  <c:v>43992</c:v>
                </c:pt>
                <c:pt idx="131">
                  <c:v>43993</c:v>
                </c:pt>
                <c:pt idx="132">
                  <c:v>43994</c:v>
                </c:pt>
                <c:pt idx="133">
                  <c:v>43995</c:v>
                </c:pt>
                <c:pt idx="134">
                  <c:v>43996</c:v>
                </c:pt>
                <c:pt idx="135">
                  <c:v>43997</c:v>
                </c:pt>
                <c:pt idx="136">
                  <c:v>43998</c:v>
                </c:pt>
                <c:pt idx="137">
                  <c:v>43999</c:v>
                </c:pt>
                <c:pt idx="138">
                  <c:v>44000</c:v>
                </c:pt>
                <c:pt idx="139">
                  <c:v>44001</c:v>
                </c:pt>
                <c:pt idx="140">
                  <c:v>44002</c:v>
                </c:pt>
                <c:pt idx="141">
                  <c:v>44003</c:v>
                </c:pt>
                <c:pt idx="142">
                  <c:v>44004</c:v>
                </c:pt>
                <c:pt idx="143">
                  <c:v>44005</c:v>
                </c:pt>
                <c:pt idx="144">
                  <c:v>44006</c:v>
                </c:pt>
                <c:pt idx="145">
                  <c:v>44007</c:v>
                </c:pt>
                <c:pt idx="146">
                  <c:v>44008</c:v>
                </c:pt>
                <c:pt idx="147">
                  <c:v>44009</c:v>
                </c:pt>
                <c:pt idx="148">
                  <c:v>44010</c:v>
                </c:pt>
                <c:pt idx="149">
                  <c:v>44011</c:v>
                </c:pt>
                <c:pt idx="150">
                  <c:v>44012</c:v>
                </c:pt>
                <c:pt idx="151">
                  <c:v>44013</c:v>
                </c:pt>
                <c:pt idx="152">
                  <c:v>44014</c:v>
                </c:pt>
                <c:pt idx="153">
                  <c:v>44015</c:v>
                </c:pt>
                <c:pt idx="154">
                  <c:v>44016</c:v>
                </c:pt>
                <c:pt idx="155">
                  <c:v>44017</c:v>
                </c:pt>
                <c:pt idx="156">
                  <c:v>44018</c:v>
                </c:pt>
                <c:pt idx="157">
                  <c:v>44019</c:v>
                </c:pt>
                <c:pt idx="158">
                  <c:v>44020</c:v>
                </c:pt>
                <c:pt idx="159">
                  <c:v>44021</c:v>
                </c:pt>
                <c:pt idx="160">
                  <c:v>44022</c:v>
                </c:pt>
                <c:pt idx="161">
                  <c:v>44023</c:v>
                </c:pt>
                <c:pt idx="162">
                  <c:v>44024</c:v>
                </c:pt>
                <c:pt idx="163">
                  <c:v>44025</c:v>
                </c:pt>
                <c:pt idx="164">
                  <c:v>44026</c:v>
                </c:pt>
                <c:pt idx="165">
                  <c:v>44027</c:v>
                </c:pt>
                <c:pt idx="166">
                  <c:v>44028</c:v>
                </c:pt>
                <c:pt idx="167">
                  <c:v>44029</c:v>
                </c:pt>
                <c:pt idx="168">
                  <c:v>44030</c:v>
                </c:pt>
                <c:pt idx="169">
                  <c:v>44031</c:v>
                </c:pt>
                <c:pt idx="170">
                  <c:v>44032</c:v>
                </c:pt>
                <c:pt idx="171">
                  <c:v>44033</c:v>
                </c:pt>
                <c:pt idx="172">
                  <c:v>44034</c:v>
                </c:pt>
                <c:pt idx="173">
                  <c:v>44035</c:v>
                </c:pt>
                <c:pt idx="174">
                  <c:v>44036</c:v>
                </c:pt>
                <c:pt idx="175">
                  <c:v>44037</c:v>
                </c:pt>
                <c:pt idx="176">
                  <c:v>44038</c:v>
                </c:pt>
                <c:pt idx="177">
                  <c:v>44039</c:v>
                </c:pt>
                <c:pt idx="178">
                  <c:v>44040</c:v>
                </c:pt>
                <c:pt idx="179">
                  <c:v>44041</c:v>
                </c:pt>
                <c:pt idx="180">
                  <c:v>44042</c:v>
                </c:pt>
                <c:pt idx="181">
                  <c:v>44043</c:v>
                </c:pt>
                <c:pt idx="182">
                  <c:v>44044</c:v>
                </c:pt>
                <c:pt idx="183">
                  <c:v>44045</c:v>
                </c:pt>
                <c:pt idx="184">
                  <c:v>44046</c:v>
                </c:pt>
                <c:pt idx="185">
                  <c:v>44047</c:v>
                </c:pt>
                <c:pt idx="186">
                  <c:v>44048</c:v>
                </c:pt>
                <c:pt idx="187">
                  <c:v>44049</c:v>
                </c:pt>
                <c:pt idx="188">
                  <c:v>44050</c:v>
                </c:pt>
                <c:pt idx="189">
                  <c:v>44051</c:v>
                </c:pt>
                <c:pt idx="190">
                  <c:v>44052</c:v>
                </c:pt>
                <c:pt idx="191">
                  <c:v>44053</c:v>
                </c:pt>
                <c:pt idx="192">
                  <c:v>44054</c:v>
                </c:pt>
                <c:pt idx="193">
                  <c:v>44055</c:v>
                </c:pt>
                <c:pt idx="194">
                  <c:v>44056</c:v>
                </c:pt>
                <c:pt idx="195">
                  <c:v>44057</c:v>
                </c:pt>
                <c:pt idx="196">
                  <c:v>44058</c:v>
                </c:pt>
                <c:pt idx="197">
                  <c:v>44059</c:v>
                </c:pt>
                <c:pt idx="198">
                  <c:v>44060</c:v>
                </c:pt>
                <c:pt idx="199">
                  <c:v>44061</c:v>
                </c:pt>
                <c:pt idx="200">
                  <c:v>44062</c:v>
                </c:pt>
                <c:pt idx="201">
                  <c:v>44063</c:v>
                </c:pt>
                <c:pt idx="202">
                  <c:v>44064</c:v>
                </c:pt>
                <c:pt idx="203">
                  <c:v>44065</c:v>
                </c:pt>
                <c:pt idx="204">
                  <c:v>44066</c:v>
                </c:pt>
                <c:pt idx="205">
                  <c:v>44067</c:v>
                </c:pt>
                <c:pt idx="206">
                  <c:v>44068</c:v>
                </c:pt>
                <c:pt idx="207">
                  <c:v>44069</c:v>
                </c:pt>
                <c:pt idx="208">
                  <c:v>44070</c:v>
                </c:pt>
                <c:pt idx="209">
                  <c:v>44071</c:v>
                </c:pt>
                <c:pt idx="210">
                  <c:v>44072</c:v>
                </c:pt>
                <c:pt idx="211">
                  <c:v>44073</c:v>
                </c:pt>
                <c:pt idx="212">
                  <c:v>44074</c:v>
                </c:pt>
                <c:pt idx="213">
                  <c:v>44075</c:v>
                </c:pt>
                <c:pt idx="214">
                  <c:v>44076</c:v>
                </c:pt>
                <c:pt idx="215">
                  <c:v>44077</c:v>
                </c:pt>
                <c:pt idx="216">
                  <c:v>44078</c:v>
                </c:pt>
                <c:pt idx="217">
                  <c:v>44079</c:v>
                </c:pt>
                <c:pt idx="218">
                  <c:v>44080</c:v>
                </c:pt>
                <c:pt idx="219">
                  <c:v>44081</c:v>
                </c:pt>
                <c:pt idx="220">
                  <c:v>44082</c:v>
                </c:pt>
                <c:pt idx="221">
                  <c:v>44083</c:v>
                </c:pt>
                <c:pt idx="222">
                  <c:v>44084</c:v>
                </c:pt>
                <c:pt idx="223">
                  <c:v>44085</c:v>
                </c:pt>
                <c:pt idx="224">
                  <c:v>44086</c:v>
                </c:pt>
                <c:pt idx="225">
                  <c:v>44087</c:v>
                </c:pt>
                <c:pt idx="226">
                  <c:v>44088</c:v>
                </c:pt>
                <c:pt idx="227">
                  <c:v>44089</c:v>
                </c:pt>
                <c:pt idx="228">
                  <c:v>44090</c:v>
                </c:pt>
                <c:pt idx="229">
                  <c:v>44091</c:v>
                </c:pt>
                <c:pt idx="230">
                  <c:v>44092</c:v>
                </c:pt>
                <c:pt idx="231">
                  <c:v>44093</c:v>
                </c:pt>
                <c:pt idx="232">
                  <c:v>44094</c:v>
                </c:pt>
                <c:pt idx="233">
                  <c:v>44095</c:v>
                </c:pt>
                <c:pt idx="234">
                  <c:v>44096</c:v>
                </c:pt>
                <c:pt idx="235">
                  <c:v>44097</c:v>
                </c:pt>
                <c:pt idx="236">
                  <c:v>44098</c:v>
                </c:pt>
                <c:pt idx="237">
                  <c:v>44099</c:v>
                </c:pt>
                <c:pt idx="238">
                  <c:v>44100</c:v>
                </c:pt>
                <c:pt idx="239">
                  <c:v>44101</c:v>
                </c:pt>
                <c:pt idx="240">
                  <c:v>44102</c:v>
                </c:pt>
                <c:pt idx="241">
                  <c:v>44103</c:v>
                </c:pt>
                <c:pt idx="242">
                  <c:v>44104</c:v>
                </c:pt>
                <c:pt idx="243">
                  <c:v>44105</c:v>
                </c:pt>
                <c:pt idx="244">
                  <c:v>44106</c:v>
                </c:pt>
                <c:pt idx="245">
                  <c:v>44107</c:v>
                </c:pt>
                <c:pt idx="246">
                  <c:v>44108</c:v>
                </c:pt>
                <c:pt idx="247">
                  <c:v>44109</c:v>
                </c:pt>
                <c:pt idx="248">
                  <c:v>44110</c:v>
                </c:pt>
                <c:pt idx="249">
                  <c:v>44111</c:v>
                </c:pt>
                <c:pt idx="250">
                  <c:v>44112</c:v>
                </c:pt>
                <c:pt idx="251">
                  <c:v>44113</c:v>
                </c:pt>
                <c:pt idx="252">
                  <c:v>44114</c:v>
                </c:pt>
                <c:pt idx="253">
                  <c:v>44115</c:v>
                </c:pt>
                <c:pt idx="254">
                  <c:v>44116</c:v>
                </c:pt>
                <c:pt idx="255">
                  <c:v>44117</c:v>
                </c:pt>
                <c:pt idx="256">
                  <c:v>44118</c:v>
                </c:pt>
                <c:pt idx="257">
                  <c:v>44119</c:v>
                </c:pt>
                <c:pt idx="258">
                  <c:v>44120</c:v>
                </c:pt>
                <c:pt idx="259">
                  <c:v>44121</c:v>
                </c:pt>
                <c:pt idx="260">
                  <c:v>44122</c:v>
                </c:pt>
                <c:pt idx="261">
                  <c:v>44123</c:v>
                </c:pt>
                <c:pt idx="262">
                  <c:v>44124</c:v>
                </c:pt>
                <c:pt idx="263">
                  <c:v>44125</c:v>
                </c:pt>
                <c:pt idx="264">
                  <c:v>44126</c:v>
                </c:pt>
                <c:pt idx="265">
                  <c:v>44127</c:v>
                </c:pt>
                <c:pt idx="266">
                  <c:v>44128</c:v>
                </c:pt>
                <c:pt idx="267">
                  <c:v>44129</c:v>
                </c:pt>
                <c:pt idx="268">
                  <c:v>44130</c:v>
                </c:pt>
                <c:pt idx="269">
                  <c:v>44131</c:v>
                </c:pt>
                <c:pt idx="270">
                  <c:v>44132</c:v>
                </c:pt>
                <c:pt idx="271">
                  <c:v>44133</c:v>
                </c:pt>
                <c:pt idx="272">
                  <c:v>44134</c:v>
                </c:pt>
                <c:pt idx="273">
                  <c:v>44135</c:v>
                </c:pt>
                <c:pt idx="274">
                  <c:v>44136</c:v>
                </c:pt>
                <c:pt idx="275">
                  <c:v>44137</c:v>
                </c:pt>
                <c:pt idx="276">
                  <c:v>44138</c:v>
                </c:pt>
                <c:pt idx="277">
                  <c:v>44139</c:v>
                </c:pt>
                <c:pt idx="278">
                  <c:v>44140</c:v>
                </c:pt>
                <c:pt idx="279">
                  <c:v>44141</c:v>
                </c:pt>
                <c:pt idx="280">
                  <c:v>44142</c:v>
                </c:pt>
                <c:pt idx="281">
                  <c:v>44143</c:v>
                </c:pt>
                <c:pt idx="282">
                  <c:v>44144</c:v>
                </c:pt>
                <c:pt idx="283">
                  <c:v>44145</c:v>
                </c:pt>
                <c:pt idx="284">
                  <c:v>44146</c:v>
                </c:pt>
                <c:pt idx="285">
                  <c:v>44147</c:v>
                </c:pt>
                <c:pt idx="286">
                  <c:v>44148</c:v>
                </c:pt>
                <c:pt idx="287">
                  <c:v>44149</c:v>
                </c:pt>
                <c:pt idx="288">
                  <c:v>44150</c:v>
                </c:pt>
                <c:pt idx="289">
                  <c:v>44151</c:v>
                </c:pt>
                <c:pt idx="290">
                  <c:v>44152</c:v>
                </c:pt>
                <c:pt idx="291">
                  <c:v>44153</c:v>
                </c:pt>
                <c:pt idx="292">
                  <c:v>44154</c:v>
                </c:pt>
                <c:pt idx="293">
                  <c:v>44155</c:v>
                </c:pt>
                <c:pt idx="294">
                  <c:v>44156</c:v>
                </c:pt>
                <c:pt idx="295">
                  <c:v>44157</c:v>
                </c:pt>
                <c:pt idx="296">
                  <c:v>44158</c:v>
                </c:pt>
                <c:pt idx="297">
                  <c:v>44159</c:v>
                </c:pt>
                <c:pt idx="298">
                  <c:v>44160</c:v>
                </c:pt>
                <c:pt idx="299">
                  <c:v>44161</c:v>
                </c:pt>
                <c:pt idx="300">
                  <c:v>44162</c:v>
                </c:pt>
                <c:pt idx="301">
                  <c:v>44163</c:v>
                </c:pt>
                <c:pt idx="302">
                  <c:v>44164</c:v>
                </c:pt>
                <c:pt idx="303">
                  <c:v>44165</c:v>
                </c:pt>
                <c:pt idx="304">
                  <c:v>44166</c:v>
                </c:pt>
                <c:pt idx="305">
                  <c:v>44167</c:v>
                </c:pt>
                <c:pt idx="306">
                  <c:v>44168</c:v>
                </c:pt>
                <c:pt idx="307">
                  <c:v>44169</c:v>
                </c:pt>
                <c:pt idx="308">
                  <c:v>44170</c:v>
                </c:pt>
                <c:pt idx="309">
                  <c:v>44171</c:v>
                </c:pt>
                <c:pt idx="310">
                  <c:v>44172</c:v>
                </c:pt>
                <c:pt idx="311">
                  <c:v>44173</c:v>
                </c:pt>
                <c:pt idx="312">
                  <c:v>44174</c:v>
                </c:pt>
                <c:pt idx="313">
                  <c:v>44175</c:v>
                </c:pt>
                <c:pt idx="314">
                  <c:v>44176</c:v>
                </c:pt>
                <c:pt idx="315">
                  <c:v>44177</c:v>
                </c:pt>
                <c:pt idx="316">
                  <c:v>44178</c:v>
                </c:pt>
                <c:pt idx="317">
                  <c:v>44179</c:v>
                </c:pt>
                <c:pt idx="318">
                  <c:v>44180</c:v>
                </c:pt>
                <c:pt idx="319">
                  <c:v>44181</c:v>
                </c:pt>
                <c:pt idx="320">
                  <c:v>44182</c:v>
                </c:pt>
                <c:pt idx="321">
                  <c:v>44183</c:v>
                </c:pt>
                <c:pt idx="322">
                  <c:v>44184</c:v>
                </c:pt>
                <c:pt idx="323">
                  <c:v>44185</c:v>
                </c:pt>
                <c:pt idx="324">
                  <c:v>44186</c:v>
                </c:pt>
                <c:pt idx="325">
                  <c:v>44187</c:v>
                </c:pt>
                <c:pt idx="326">
                  <c:v>44188</c:v>
                </c:pt>
                <c:pt idx="327">
                  <c:v>44189</c:v>
                </c:pt>
                <c:pt idx="328">
                  <c:v>44190</c:v>
                </c:pt>
                <c:pt idx="329">
                  <c:v>44191</c:v>
                </c:pt>
                <c:pt idx="330">
                  <c:v>44192</c:v>
                </c:pt>
                <c:pt idx="331">
                  <c:v>44193</c:v>
                </c:pt>
                <c:pt idx="332">
                  <c:v>44194</c:v>
                </c:pt>
                <c:pt idx="333">
                  <c:v>44195</c:v>
                </c:pt>
                <c:pt idx="334">
                  <c:v>44196</c:v>
                </c:pt>
                <c:pt idx="335">
                  <c:v>44197</c:v>
                </c:pt>
                <c:pt idx="336">
                  <c:v>44198</c:v>
                </c:pt>
                <c:pt idx="337">
                  <c:v>44199</c:v>
                </c:pt>
                <c:pt idx="338">
                  <c:v>44200</c:v>
                </c:pt>
                <c:pt idx="339">
                  <c:v>44201</c:v>
                </c:pt>
                <c:pt idx="340">
                  <c:v>44202</c:v>
                </c:pt>
                <c:pt idx="341">
                  <c:v>44203</c:v>
                </c:pt>
                <c:pt idx="342">
                  <c:v>44204</c:v>
                </c:pt>
                <c:pt idx="343">
                  <c:v>44205</c:v>
                </c:pt>
                <c:pt idx="344">
                  <c:v>44206</c:v>
                </c:pt>
                <c:pt idx="345">
                  <c:v>44207</c:v>
                </c:pt>
                <c:pt idx="346">
                  <c:v>44208</c:v>
                </c:pt>
                <c:pt idx="347">
                  <c:v>44209</c:v>
                </c:pt>
                <c:pt idx="348">
                  <c:v>44210</c:v>
                </c:pt>
                <c:pt idx="349">
                  <c:v>44211</c:v>
                </c:pt>
                <c:pt idx="350">
                  <c:v>44212</c:v>
                </c:pt>
                <c:pt idx="351">
                  <c:v>44213</c:v>
                </c:pt>
                <c:pt idx="352">
                  <c:v>44214</c:v>
                </c:pt>
                <c:pt idx="353">
                  <c:v>44215</c:v>
                </c:pt>
                <c:pt idx="354">
                  <c:v>44216</c:v>
                </c:pt>
                <c:pt idx="355">
                  <c:v>44217</c:v>
                </c:pt>
                <c:pt idx="356">
                  <c:v>44218</c:v>
                </c:pt>
                <c:pt idx="357">
                  <c:v>44219</c:v>
                </c:pt>
                <c:pt idx="358">
                  <c:v>44220</c:v>
                </c:pt>
                <c:pt idx="359">
                  <c:v>44221</c:v>
                </c:pt>
                <c:pt idx="360">
                  <c:v>44222</c:v>
                </c:pt>
                <c:pt idx="361">
                  <c:v>44223</c:v>
                </c:pt>
                <c:pt idx="362">
                  <c:v>44224</c:v>
                </c:pt>
                <c:pt idx="363">
                  <c:v>44225</c:v>
                </c:pt>
                <c:pt idx="364">
                  <c:v>44226</c:v>
                </c:pt>
                <c:pt idx="365">
                  <c:v>44227</c:v>
                </c:pt>
                <c:pt idx="366">
                  <c:v>44228</c:v>
                </c:pt>
                <c:pt idx="367">
                  <c:v>44229</c:v>
                </c:pt>
                <c:pt idx="368">
                  <c:v>44230</c:v>
                </c:pt>
                <c:pt idx="369">
                  <c:v>44231</c:v>
                </c:pt>
                <c:pt idx="370">
                  <c:v>44232</c:v>
                </c:pt>
                <c:pt idx="371">
                  <c:v>44233</c:v>
                </c:pt>
                <c:pt idx="372">
                  <c:v>44234</c:v>
                </c:pt>
                <c:pt idx="373">
                  <c:v>44235</c:v>
                </c:pt>
                <c:pt idx="374">
                  <c:v>44236</c:v>
                </c:pt>
                <c:pt idx="375">
                  <c:v>44237</c:v>
                </c:pt>
                <c:pt idx="376">
                  <c:v>44238</c:v>
                </c:pt>
                <c:pt idx="377">
                  <c:v>44239</c:v>
                </c:pt>
                <c:pt idx="378">
                  <c:v>44240</c:v>
                </c:pt>
                <c:pt idx="379">
                  <c:v>44241</c:v>
                </c:pt>
                <c:pt idx="380">
                  <c:v>44242</c:v>
                </c:pt>
                <c:pt idx="381">
                  <c:v>44243</c:v>
                </c:pt>
                <c:pt idx="382">
                  <c:v>44244</c:v>
                </c:pt>
                <c:pt idx="383">
                  <c:v>44245</c:v>
                </c:pt>
                <c:pt idx="384">
                  <c:v>44246</c:v>
                </c:pt>
                <c:pt idx="385">
                  <c:v>44247</c:v>
                </c:pt>
                <c:pt idx="386">
                  <c:v>44248</c:v>
                </c:pt>
                <c:pt idx="387">
                  <c:v>44249</c:v>
                </c:pt>
                <c:pt idx="388">
                  <c:v>44250</c:v>
                </c:pt>
                <c:pt idx="389">
                  <c:v>44251</c:v>
                </c:pt>
                <c:pt idx="390">
                  <c:v>44252</c:v>
                </c:pt>
                <c:pt idx="391">
                  <c:v>44253</c:v>
                </c:pt>
                <c:pt idx="392">
                  <c:v>44254</c:v>
                </c:pt>
                <c:pt idx="393">
                  <c:v>44255</c:v>
                </c:pt>
                <c:pt idx="394">
                  <c:v>44256</c:v>
                </c:pt>
                <c:pt idx="395">
                  <c:v>44257</c:v>
                </c:pt>
                <c:pt idx="396">
                  <c:v>44258</c:v>
                </c:pt>
                <c:pt idx="397">
                  <c:v>44259</c:v>
                </c:pt>
                <c:pt idx="398">
                  <c:v>44260</c:v>
                </c:pt>
                <c:pt idx="399">
                  <c:v>44261</c:v>
                </c:pt>
                <c:pt idx="400">
                  <c:v>44262</c:v>
                </c:pt>
                <c:pt idx="401">
                  <c:v>44263</c:v>
                </c:pt>
                <c:pt idx="402">
                  <c:v>44264</c:v>
                </c:pt>
                <c:pt idx="403">
                  <c:v>44265</c:v>
                </c:pt>
                <c:pt idx="404">
                  <c:v>44266</c:v>
                </c:pt>
                <c:pt idx="405">
                  <c:v>44267</c:v>
                </c:pt>
                <c:pt idx="406">
                  <c:v>44268</c:v>
                </c:pt>
                <c:pt idx="407">
                  <c:v>44269</c:v>
                </c:pt>
                <c:pt idx="408">
                  <c:v>44270</c:v>
                </c:pt>
                <c:pt idx="409">
                  <c:v>44271</c:v>
                </c:pt>
                <c:pt idx="410">
                  <c:v>44272</c:v>
                </c:pt>
                <c:pt idx="411">
                  <c:v>44273</c:v>
                </c:pt>
                <c:pt idx="412">
                  <c:v>44274</c:v>
                </c:pt>
                <c:pt idx="413">
                  <c:v>44275</c:v>
                </c:pt>
                <c:pt idx="414">
                  <c:v>44276</c:v>
                </c:pt>
                <c:pt idx="415">
                  <c:v>44277</c:v>
                </c:pt>
                <c:pt idx="416">
                  <c:v>44278</c:v>
                </c:pt>
                <c:pt idx="417">
                  <c:v>44279</c:v>
                </c:pt>
                <c:pt idx="418">
                  <c:v>44280</c:v>
                </c:pt>
                <c:pt idx="419">
                  <c:v>44281</c:v>
                </c:pt>
                <c:pt idx="420">
                  <c:v>44282</c:v>
                </c:pt>
                <c:pt idx="421">
                  <c:v>44283</c:v>
                </c:pt>
                <c:pt idx="422">
                  <c:v>44284</c:v>
                </c:pt>
                <c:pt idx="423">
                  <c:v>44285</c:v>
                </c:pt>
                <c:pt idx="424">
                  <c:v>44286</c:v>
                </c:pt>
                <c:pt idx="425">
                  <c:v>44287</c:v>
                </c:pt>
                <c:pt idx="426">
                  <c:v>44288</c:v>
                </c:pt>
                <c:pt idx="427">
                  <c:v>44289</c:v>
                </c:pt>
                <c:pt idx="428">
                  <c:v>44290</c:v>
                </c:pt>
                <c:pt idx="429">
                  <c:v>44291</c:v>
                </c:pt>
                <c:pt idx="430">
                  <c:v>44292</c:v>
                </c:pt>
                <c:pt idx="431">
                  <c:v>44293</c:v>
                </c:pt>
                <c:pt idx="432">
                  <c:v>44294</c:v>
                </c:pt>
                <c:pt idx="433">
                  <c:v>44295</c:v>
                </c:pt>
                <c:pt idx="434">
                  <c:v>44296</c:v>
                </c:pt>
                <c:pt idx="435">
                  <c:v>44297</c:v>
                </c:pt>
                <c:pt idx="436">
                  <c:v>44298</c:v>
                </c:pt>
                <c:pt idx="437">
                  <c:v>44299</c:v>
                </c:pt>
                <c:pt idx="438">
                  <c:v>44300</c:v>
                </c:pt>
                <c:pt idx="439">
                  <c:v>44301</c:v>
                </c:pt>
                <c:pt idx="440">
                  <c:v>44302</c:v>
                </c:pt>
                <c:pt idx="441">
                  <c:v>44303</c:v>
                </c:pt>
                <c:pt idx="442">
                  <c:v>44304</c:v>
                </c:pt>
                <c:pt idx="443">
                  <c:v>44305</c:v>
                </c:pt>
                <c:pt idx="444">
                  <c:v>44306</c:v>
                </c:pt>
                <c:pt idx="445">
                  <c:v>44307</c:v>
                </c:pt>
                <c:pt idx="446">
                  <c:v>44308</c:v>
                </c:pt>
                <c:pt idx="447">
                  <c:v>44309</c:v>
                </c:pt>
                <c:pt idx="448">
                  <c:v>44310</c:v>
                </c:pt>
                <c:pt idx="449">
                  <c:v>44311</c:v>
                </c:pt>
                <c:pt idx="450">
                  <c:v>44312</c:v>
                </c:pt>
                <c:pt idx="451">
                  <c:v>44313</c:v>
                </c:pt>
                <c:pt idx="452">
                  <c:v>44314</c:v>
                </c:pt>
                <c:pt idx="453">
                  <c:v>44315</c:v>
                </c:pt>
                <c:pt idx="454">
                  <c:v>44316</c:v>
                </c:pt>
                <c:pt idx="455">
                  <c:v>44317</c:v>
                </c:pt>
                <c:pt idx="456">
                  <c:v>44318</c:v>
                </c:pt>
                <c:pt idx="457">
                  <c:v>44319</c:v>
                </c:pt>
                <c:pt idx="458">
                  <c:v>44320</c:v>
                </c:pt>
                <c:pt idx="459">
                  <c:v>44321</c:v>
                </c:pt>
                <c:pt idx="460">
                  <c:v>44322</c:v>
                </c:pt>
                <c:pt idx="461">
                  <c:v>44323</c:v>
                </c:pt>
                <c:pt idx="462">
                  <c:v>44324</c:v>
                </c:pt>
                <c:pt idx="463">
                  <c:v>44325</c:v>
                </c:pt>
                <c:pt idx="464">
                  <c:v>44326</c:v>
                </c:pt>
                <c:pt idx="465">
                  <c:v>44327</c:v>
                </c:pt>
                <c:pt idx="466">
                  <c:v>44328</c:v>
                </c:pt>
                <c:pt idx="467">
                  <c:v>44329</c:v>
                </c:pt>
                <c:pt idx="468">
                  <c:v>44330</c:v>
                </c:pt>
                <c:pt idx="469">
                  <c:v>44331</c:v>
                </c:pt>
                <c:pt idx="470">
                  <c:v>44332</c:v>
                </c:pt>
                <c:pt idx="471">
                  <c:v>44333</c:v>
                </c:pt>
                <c:pt idx="472">
                  <c:v>44334</c:v>
                </c:pt>
                <c:pt idx="473">
                  <c:v>44335</c:v>
                </c:pt>
                <c:pt idx="474">
                  <c:v>44336</c:v>
                </c:pt>
                <c:pt idx="475">
                  <c:v>44337</c:v>
                </c:pt>
                <c:pt idx="476">
                  <c:v>44338</c:v>
                </c:pt>
                <c:pt idx="477">
                  <c:v>44339</c:v>
                </c:pt>
                <c:pt idx="478">
                  <c:v>44340</c:v>
                </c:pt>
                <c:pt idx="479">
                  <c:v>44341</c:v>
                </c:pt>
                <c:pt idx="480">
                  <c:v>44342</c:v>
                </c:pt>
                <c:pt idx="481">
                  <c:v>44343</c:v>
                </c:pt>
                <c:pt idx="482">
                  <c:v>44344</c:v>
                </c:pt>
                <c:pt idx="483">
                  <c:v>44345</c:v>
                </c:pt>
                <c:pt idx="484">
                  <c:v>44346</c:v>
                </c:pt>
                <c:pt idx="485">
                  <c:v>44347</c:v>
                </c:pt>
                <c:pt idx="486">
                  <c:v>44348</c:v>
                </c:pt>
                <c:pt idx="487">
                  <c:v>44349</c:v>
                </c:pt>
                <c:pt idx="488">
                  <c:v>44350</c:v>
                </c:pt>
                <c:pt idx="489">
                  <c:v>44351</c:v>
                </c:pt>
                <c:pt idx="490">
                  <c:v>44352</c:v>
                </c:pt>
                <c:pt idx="491">
                  <c:v>44353</c:v>
                </c:pt>
                <c:pt idx="492">
                  <c:v>44354</c:v>
                </c:pt>
                <c:pt idx="493">
                  <c:v>44355</c:v>
                </c:pt>
                <c:pt idx="494">
                  <c:v>44356</c:v>
                </c:pt>
                <c:pt idx="495">
                  <c:v>44357</c:v>
                </c:pt>
                <c:pt idx="496">
                  <c:v>44358</c:v>
                </c:pt>
                <c:pt idx="497">
                  <c:v>44359</c:v>
                </c:pt>
                <c:pt idx="498">
                  <c:v>44360</c:v>
                </c:pt>
                <c:pt idx="499">
                  <c:v>44361</c:v>
                </c:pt>
                <c:pt idx="500">
                  <c:v>44362</c:v>
                </c:pt>
                <c:pt idx="501">
                  <c:v>44363</c:v>
                </c:pt>
                <c:pt idx="502">
                  <c:v>44364</c:v>
                </c:pt>
                <c:pt idx="503">
                  <c:v>44365</c:v>
                </c:pt>
                <c:pt idx="504">
                  <c:v>44366</c:v>
                </c:pt>
                <c:pt idx="505">
                  <c:v>44367</c:v>
                </c:pt>
                <c:pt idx="506">
                  <c:v>44368</c:v>
                </c:pt>
                <c:pt idx="507">
                  <c:v>44369</c:v>
                </c:pt>
                <c:pt idx="508">
                  <c:v>44370</c:v>
                </c:pt>
                <c:pt idx="509">
                  <c:v>44371</c:v>
                </c:pt>
                <c:pt idx="510">
                  <c:v>44372</c:v>
                </c:pt>
                <c:pt idx="511">
                  <c:v>44373</c:v>
                </c:pt>
                <c:pt idx="512">
                  <c:v>44374</c:v>
                </c:pt>
                <c:pt idx="513">
                  <c:v>44375</c:v>
                </c:pt>
                <c:pt idx="514">
                  <c:v>44376</c:v>
                </c:pt>
                <c:pt idx="515">
                  <c:v>44377</c:v>
                </c:pt>
                <c:pt idx="516">
                  <c:v>44378</c:v>
                </c:pt>
                <c:pt idx="517">
                  <c:v>44379</c:v>
                </c:pt>
                <c:pt idx="518">
                  <c:v>44380</c:v>
                </c:pt>
                <c:pt idx="519">
                  <c:v>44381</c:v>
                </c:pt>
                <c:pt idx="520">
                  <c:v>44382</c:v>
                </c:pt>
                <c:pt idx="521">
                  <c:v>44383</c:v>
                </c:pt>
                <c:pt idx="522">
                  <c:v>44384</c:v>
                </c:pt>
                <c:pt idx="523">
                  <c:v>44385</c:v>
                </c:pt>
                <c:pt idx="524">
                  <c:v>44386</c:v>
                </c:pt>
                <c:pt idx="525">
                  <c:v>44387</c:v>
                </c:pt>
                <c:pt idx="526">
                  <c:v>44388</c:v>
                </c:pt>
                <c:pt idx="527">
                  <c:v>44389</c:v>
                </c:pt>
                <c:pt idx="528">
                  <c:v>44390</c:v>
                </c:pt>
                <c:pt idx="529">
                  <c:v>44391</c:v>
                </c:pt>
                <c:pt idx="530">
                  <c:v>44392</c:v>
                </c:pt>
                <c:pt idx="531">
                  <c:v>44393</c:v>
                </c:pt>
                <c:pt idx="532">
                  <c:v>44394</c:v>
                </c:pt>
                <c:pt idx="533">
                  <c:v>44395</c:v>
                </c:pt>
                <c:pt idx="534">
                  <c:v>44396</c:v>
                </c:pt>
                <c:pt idx="535">
                  <c:v>44397</c:v>
                </c:pt>
                <c:pt idx="536">
                  <c:v>44398</c:v>
                </c:pt>
                <c:pt idx="537">
                  <c:v>44399</c:v>
                </c:pt>
                <c:pt idx="538">
                  <c:v>44400</c:v>
                </c:pt>
                <c:pt idx="539">
                  <c:v>44401</c:v>
                </c:pt>
                <c:pt idx="540">
                  <c:v>44402</c:v>
                </c:pt>
                <c:pt idx="541">
                  <c:v>44403</c:v>
                </c:pt>
                <c:pt idx="542">
                  <c:v>44404</c:v>
                </c:pt>
                <c:pt idx="543">
                  <c:v>44405</c:v>
                </c:pt>
                <c:pt idx="544">
                  <c:v>44406</c:v>
                </c:pt>
                <c:pt idx="545">
                  <c:v>44407</c:v>
                </c:pt>
                <c:pt idx="546">
                  <c:v>44408</c:v>
                </c:pt>
                <c:pt idx="547">
                  <c:v>44409</c:v>
                </c:pt>
                <c:pt idx="548">
                  <c:v>44410</c:v>
                </c:pt>
                <c:pt idx="549">
                  <c:v>44411</c:v>
                </c:pt>
                <c:pt idx="550">
                  <c:v>44412</c:v>
                </c:pt>
                <c:pt idx="551">
                  <c:v>44413</c:v>
                </c:pt>
                <c:pt idx="552">
                  <c:v>44414</c:v>
                </c:pt>
                <c:pt idx="553">
                  <c:v>44415</c:v>
                </c:pt>
                <c:pt idx="554">
                  <c:v>44416</c:v>
                </c:pt>
                <c:pt idx="555">
                  <c:v>44417</c:v>
                </c:pt>
                <c:pt idx="556">
                  <c:v>44418</c:v>
                </c:pt>
                <c:pt idx="557">
                  <c:v>44419</c:v>
                </c:pt>
                <c:pt idx="558">
                  <c:v>44420</c:v>
                </c:pt>
                <c:pt idx="559">
                  <c:v>44421</c:v>
                </c:pt>
                <c:pt idx="560">
                  <c:v>44422</c:v>
                </c:pt>
                <c:pt idx="561">
                  <c:v>44423</c:v>
                </c:pt>
                <c:pt idx="562">
                  <c:v>44424</c:v>
                </c:pt>
                <c:pt idx="563">
                  <c:v>44425</c:v>
                </c:pt>
                <c:pt idx="564">
                  <c:v>44426</c:v>
                </c:pt>
                <c:pt idx="565">
                  <c:v>44427</c:v>
                </c:pt>
                <c:pt idx="566">
                  <c:v>44428</c:v>
                </c:pt>
                <c:pt idx="567">
                  <c:v>44429</c:v>
                </c:pt>
                <c:pt idx="568">
                  <c:v>44430</c:v>
                </c:pt>
                <c:pt idx="569">
                  <c:v>44431</c:v>
                </c:pt>
                <c:pt idx="570">
                  <c:v>44432</c:v>
                </c:pt>
                <c:pt idx="571">
                  <c:v>44433</c:v>
                </c:pt>
                <c:pt idx="572">
                  <c:v>44434</c:v>
                </c:pt>
                <c:pt idx="573">
                  <c:v>44435</c:v>
                </c:pt>
                <c:pt idx="574">
                  <c:v>44436</c:v>
                </c:pt>
                <c:pt idx="575">
                  <c:v>44437</c:v>
                </c:pt>
                <c:pt idx="576">
                  <c:v>44438</c:v>
                </c:pt>
                <c:pt idx="577">
                  <c:v>44439</c:v>
                </c:pt>
                <c:pt idx="578">
                  <c:v>44440</c:v>
                </c:pt>
                <c:pt idx="579">
                  <c:v>44441</c:v>
                </c:pt>
                <c:pt idx="580">
                  <c:v>44442</c:v>
                </c:pt>
                <c:pt idx="581">
                  <c:v>44443</c:v>
                </c:pt>
                <c:pt idx="582">
                  <c:v>44444</c:v>
                </c:pt>
                <c:pt idx="583">
                  <c:v>44445</c:v>
                </c:pt>
                <c:pt idx="584">
                  <c:v>44446</c:v>
                </c:pt>
                <c:pt idx="585">
                  <c:v>44447</c:v>
                </c:pt>
                <c:pt idx="586">
                  <c:v>44448</c:v>
                </c:pt>
                <c:pt idx="587">
                  <c:v>44449</c:v>
                </c:pt>
                <c:pt idx="588">
                  <c:v>44450</c:v>
                </c:pt>
                <c:pt idx="589">
                  <c:v>44451</c:v>
                </c:pt>
                <c:pt idx="590">
                  <c:v>44452</c:v>
                </c:pt>
                <c:pt idx="591">
                  <c:v>44453</c:v>
                </c:pt>
                <c:pt idx="592">
                  <c:v>44454</c:v>
                </c:pt>
                <c:pt idx="593">
                  <c:v>44455</c:v>
                </c:pt>
                <c:pt idx="594">
                  <c:v>44456</c:v>
                </c:pt>
                <c:pt idx="595">
                  <c:v>44457</c:v>
                </c:pt>
                <c:pt idx="596">
                  <c:v>44458</c:v>
                </c:pt>
                <c:pt idx="597">
                  <c:v>44459</c:v>
                </c:pt>
                <c:pt idx="598">
                  <c:v>44460</c:v>
                </c:pt>
                <c:pt idx="599">
                  <c:v>44461</c:v>
                </c:pt>
                <c:pt idx="600">
                  <c:v>44462</c:v>
                </c:pt>
                <c:pt idx="601">
                  <c:v>44463</c:v>
                </c:pt>
                <c:pt idx="602">
                  <c:v>44464</c:v>
                </c:pt>
                <c:pt idx="603">
                  <c:v>44465</c:v>
                </c:pt>
                <c:pt idx="604">
                  <c:v>44466</c:v>
                </c:pt>
                <c:pt idx="605">
                  <c:v>44467</c:v>
                </c:pt>
                <c:pt idx="606">
                  <c:v>44468</c:v>
                </c:pt>
                <c:pt idx="607">
                  <c:v>44469</c:v>
                </c:pt>
                <c:pt idx="608">
                  <c:v>44470</c:v>
                </c:pt>
                <c:pt idx="609">
                  <c:v>44471</c:v>
                </c:pt>
                <c:pt idx="610">
                  <c:v>44472</c:v>
                </c:pt>
                <c:pt idx="611">
                  <c:v>44473</c:v>
                </c:pt>
                <c:pt idx="612">
                  <c:v>44474</c:v>
                </c:pt>
              </c:numCache>
            </c:numRef>
          </c:cat>
          <c:val>
            <c:numRef>
              <c:f>'owid-covid-data'!$P$2:$P$121540</c:f>
              <c:numCache>
                <c:formatCode>General</c:formatCode>
                <c:ptCount val="613"/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9">
                  <c:v>0</c:v>
                </c:pt>
                <c:pt idx="10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4">
                  <c:v>0</c:v>
                </c:pt>
                <c:pt idx="15">
                  <c:v>0</c:v>
                </c:pt>
                <c:pt idx="16">
                  <c:v>0</c:v>
                </c:pt>
                <c:pt idx="17">
                  <c:v>0</c:v>
                </c:pt>
                <c:pt idx="18">
                  <c:v>0</c:v>
                </c:pt>
                <c:pt idx="19">
                  <c:v>0</c:v>
                </c:pt>
                <c:pt idx="20">
                  <c:v>0</c:v>
                </c:pt>
                <c:pt idx="21">
                  <c:v>0</c:v>
                </c:pt>
                <c:pt idx="22">
                  <c:v>0</c:v>
                </c:pt>
                <c:pt idx="23">
                  <c:v>0</c:v>
                </c:pt>
                <c:pt idx="24">
                  <c:v>0</c:v>
                </c:pt>
                <c:pt idx="25">
                  <c:v>0</c:v>
                </c:pt>
                <c:pt idx="26">
                  <c:v>0</c:v>
                </c:pt>
                <c:pt idx="27">
                  <c:v>0</c:v>
                </c:pt>
                <c:pt idx="28">
                  <c:v>0</c:v>
                </c:pt>
                <c:pt idx="29">
                  <c:v>0</c:v>
                </c:pt>
                <c:pt idx="30">
                  <c:v>0</c:v>
                </c:pt>
                <c:pt idx="31">
                  <c:v>0</c:v>
                </c:pt>
                <c:pt idx="32">
                  <c:v>0</c:v>
                </c:pt>
                <c:pt idx="33">
                  <c:v>0</c:v>
                </c:pt>
                <c:pt idx="34">
                  <c:v>0</c:v>
                </c:pt>
                <c:pt idx="35">
                  <c:v>0</c:v>
                </c:pt>
                <c:pt idx="36">
                  <c:v>0</c:v>
                </c:pt>
                <c:pt idx="37">
                  <c:v>0</c:v>
                </c:pt>
                <c:pt idx="38">
                  <c:v>1.4E-2</c:v>
                </c:pt>
                <c:pt idx="39">
                  <c:v>1.4E-2</c:v>
                </c:pt>
                <c:pt idx="40">
                  <c:v>2.8000000000000001E-2</c:v>
                </c:pt>
                <c:pt idx="41">
                  <c:v>4.2000000000000003E-2</c:v>
                </c:pt>
                <c:pt idx="42">
                  <c:v>7.0000000000000007E-2</c:v>
                </c:pt>
                <c:pt idx="43">
                  <c:v>9.8000000000000004E-2</c:v>
                </c:pt>
                <c:pt idx="44">
                  <c:v>0.112</c:v>
                </c:pt>
                <c:pt idx="45">
                  <c:v>0.183</c:v>
                </c:pt>
                <c:pt idx="46">
                  <c:v>0.28100000000000003</c:v>
                </c:pt>
                <c:pt idx="47">
                  <c:v>0.39400000000000002</c:v>
                </c:pt>
                <c:pt idx="48">
                  <c:v>0.49199999999999999</c:v>
                </c:pt>
                <c:pt idx="49">
                  <c:v>0.61899999999999999</c:v>
                </c:pt>
                <c:pt idx="50">
                  <c:v>0.745</c:v>
                </c:pt>
                <c:pt idx="51">
                  <c:v>1.026</c:v>
                </c:pt>
                <c:pt idx="52">
                  <c:v>1.2509999999999999</c:v>
                </c:pt>
                <c:pt idx="53">
                  <c:v>1.589</c:v>
                </c:pt>
                <c:pt idx="54">
                  <c:v>1.9119999999999999</c:v>
                </c:pt>
                <c:pt idx="55">
                  <c:v>2.2919999999999998</c:v>
                </c:pt>
                <c:pt idx="56">
                  <c:v>2.6709999999999998</c:v>
                </c:pt>
                <c:pt idx="57">
                  <c:v>3.15</c:v>
                </c:pt>
                <c:pt idx="58">
                  <c:v>3.5289999999999999</c:v>
                </c:pt>
                <c:pt idx="59">
                  <c:v>3.9649999999999999</c:v>
                </c:pt>
                <c:pt idx="60">
                  <c:v>4.5129999999999999</c:v>
                </c:pt>
                <c:pt idx="61">
                  <c:v>5.1879999999999997</c:v>
                </c:pt>
                <c:pt idx="62">
                  <c:v>5.68</c:v>
                </c:pt>
                <c:pt idx="63">
                  <c:v>1.8839999999999999</c:v>
                </c:pt>
                <c:pt idx="64">
                  <c:v>1.645</c:v>
                </c:pt>
                <c:pt idx="65">
                  <c:v>2.0390000000000001</c:v>
                </c:pt>
                <c:pt idx="66">
                  <c:v>2.8959999999999999</c:v>
                </c:pt>
                <c:pt idx="67">
                  <c:v>3.262</c:v>
                </c:pt>
                <c:pt idx="68">
                  <c:v>3.6280000000000001</c:v>
                </c:pt>
                <c:pt idx="69">
                  <c:v>3.726</c:v>
                </c:pt>
                <c:pt idx="70">
                  <c:v>7.2270000000000003</c:v>
                </c:pt>
                <c:pt idx="71">
                  <c:v>7.0019999999999998</c:v>
                </c:pt>
                <c:pt idx="72">
                  <c:v>6.2149999999999999</c:v>
                </c:pt>
                <c:pt idx="73">
                  <c:v>6.2149999999999999</c:v>
                </c:pt>
                <c:pt idx="74">
                  <c:v>7.2549999999999999</c:v>
                </c:pt>
                <c:pt idx="75">
                  <c:v>7.593</c:v>
                </c:pt>
                <c:pt idx="76">
                  <c:v>7.452</c:v>
                </c:pt>
                <c:pt idx="77">
                  <c:v>8.7739999999999991</c:v>
                </c:pt>
                <c:pt idx="78">
                  <c:v>9.0129999999999999</c:v>
                </c:pt>
                <c:pt idx="79">
                  <c:v>9.2940000000000005</c:v>
                </c:pt>
                <c:pt idx="80">
                  <c:v>10.292</c:v>
                </c:pt>
                <c:pt idx="81">
                  <c:v>10.32</c:v>
                </c:pt>
                <c:pt idx="82">
                  <c:v>9.6739999999999995</c:v>
                </c:pt>
                <c:pt idx="83">
                  <c:v>10.574</c:v>
                </c:pt>
                <c:pt idx="84">
                  <c:v>9.5749999999999993</c:v>
                </c:pt>
                <c:pt idx="85">
                  <c:v>9.1959999999999997</c:v>
                </c:pt>
                <c:pt idx="86">
                  <c:v>9.7579999999999991</c:v>
                </c:pt>
                <c:pt idx="87">
                  <c:v>8.2959999999999994</c:v>
                </c:pt>
                <c:pt idx="88">
                  <c:v>7.3819999999999997</c:v>
                </c:pt>
                <c:pt idx="89">
                  <c:v>7.944</c:v>
                </c:pt>
                <c:pt idx="90">
                  <c:v>7.0439999999999996</c:v>
                </c:pt>
                <c:pt idx="91">
                  <c:v>6.7069999999999999</c:v>
                </c:pt>
                <c:pt idx="92">
                  <c:v>6.819</c:v>
                </c:pt>
                <c:pt idx="93">
                  <c:v>6.96</c:v>
                </c:pt>
                <c:pt idx="94">
                  <c:v>7.016</c:v>
                </c:pt>
                <c:pt idx="95">
                  <c:v>6.7350000000000003</c:v>
                </c:pt>
                <c:pt idx="96">
                  <c:v>6.383</c:v>
                </c:pt>
                <c:pt idx="97">
                  <c:v>7.34</c:v>
                </c:pt>
                <c:pt idx="98">
                  <c:v>7.7469999999999999</c:v>
                </c:pt>
                <c:pt idx="99">
                  <c:v>7.6769999999999996</c:v>
                </c:pt>
                <c:pt idx="100">
                  <c:v>6.8470000000000004</c:v>
                </c:pt>
                <c:pt idx="101">
                  <c:v>6.4539999999999997</c:v>
                </c:pt>
                <c:pt idx="102">
                  <c:v>7.2969999999999997</c:v>
                </c:pt>
                <c:pt idx="103">
                  <c:v>6.8760000000000003</c:v>
                </c:pt>
                <c:pt idx="104">
                  <c:v>6.6230000000000002</c:v>
                </c:pt>
                <c:pt idx="105">
                  <c:v>6.383</c:v>
                </c:pt>
                <c:pt idx="106">
                  <c:v>6.383</c:v>
                </c:pt>
                <c:pt idx="107">
                  <c:v>6.2149999999999999</c:v>
                </c:pt>
                <c:pt idx="108">
                  <c:v>6.0460000000000003</c:v>
                </c:pt>
                <c:pt idx="109">
                  <c:v>5.2160000000000002</c:v>
                </c:pt>
                <c:pt idx="110">
                  <c:v>4.8090000000000002</c:v>
                </c:pt>
                <c:pt idx="111">
                  <c:v>3.923</c:v>
                </c:pt>
                <c:pt idx="112">
                  <c:v>4.4710000000000001</c:v>
                </c:pt>
                <c:pt idx="113">
                  <c:v>4.4850000000000003</c:v>
                </c:pt>
                <c:pt idx="114">
                  <c:v>4.6539999999999999</c:v>
                </c:pt>
                <c:pt idx="115">
                  <c:v>5.3710000000000004</c:v>
                </c:pt>
                <c:pt idx="116">
                  <c:v>5.47</c:v>
                </c:pt>
                <c:pt idx="117">
                  <c:v>5.5540000000000003</c:v>
                </c:pt>
                <c:pt idx="118">
                  <c:v>5.976</c:v>
                </c:pt>
                <c:pt idx="119">
                  <c:v>5.6660000000000004</c:v>
                </c:pt>
                <c:pt idx="120">
                  <c:v>5.5819999999999999</c:v>
                </c:pt>
                <c:pt idx="121">
                  <c:v>5.2590000000000003</c:v>
                </c:pt>
                <c:pt idx="122">
                  <c:v>4.8230000000000004</c:v>
                </c:pt>
                <c:pt idx="123">
                  <c:v>4.5270000000000001</c:v>
                </c:pt>
                <c:pt idx="124">
                  <c:v>4.1619999999999999</c:v>
                </c:pt>
                <c:pt idx="125">
                  <c:v>4.0629999999999997</c:v>
                </c:pt>
                <c:pt idx="126">
                  <c:v>3.67</c:v>
                </c:pt>
                <c:pt idx="127">
                  <c:v>3.7120000000000002</c:v>
                </c:pt>
                <c:pt idx="128">
                  <c:v>4.0919999999999996</c:v>
                </c:pt>
                <c:pt idx="129">
                  <c:v>3.5009999999999999</c:v>
                </c:pt>
                <c:pt idx="130">
                  <c:v>3.5569999999999999</c:v>
                </c:pt>
                <c:pt idx="131">
                  <c:v>3.5430000000000001</c:v>
                </c:pt>
                <c:pt idx="132">
                  <c:v>3.0230000000000001</c:v>
                </c:pt>
                <c:pt idx="133">
                  <c:v>3.0649999999999999</c:v>
                </c:pt>
                <c:pt idx="134">
                  <c:v>3.0230000000000001</c:v>
                </c:pt>
                <c:pt idx="135">
                  <c:v>2.77</c:v>
                </c:pt>
                <c:pt idx="136">
                  <c:v>3.121</c:v>
                </c:pt>
                <c:pt idx="137">
                  <c:v>3.4590000000000001</c:v>
                </c:pt>
                <c:pt idx="138">
                  <c:v>3.36</c:v>
                </c:pt>
                <c:pt idx="139">
                  <c:v>2.798</c:v>
                </c:pt>
                <c:pt idx="140">
                  <c:v>2.5169999999999999</c:v>
                </c:pt>
                <c:pt idx="141">
                  <c:v>2.5169999999999999</c:v>
                </c:pt>
                <c:pt idx="142">
                  <c:v>2.278</c:v>
                </c:pt>
                <c:pt idx="143">
                  <c:v>3.121</c:v>
                </c:pt>
                <c:pt idx="144">
                  <c:v>2.3620000000000001</c:v>
                </c:pt>
                <c:pt idx="145">
                  <c:v>2.4889999999999999</c:v>
                </c:pt>
                <c:pt idx="146">
                  <c:v>3.1920000000000002</c:v>
                </c:pt>
                <c:pt idx="147">
                  <c:v>3.1920000000000002</c:v>
                </c:pt>
                <c:pt idx="148">
                  <c:v>3.1920000000000002</c:v>
                </c:pt>
                <c:pt idx="149">
                  <c:v>3.1920000000000002</c:v>
                </c:pt>
                <c:pt idx="150">
                  <c:v>2.4180000000000001</c:v>
                </c:pt>
                <c:pt idx="151">
                  <c:v>2.2639999999999998</c:v>
                </c:pt>
                <c:pt idx="152">
                  <c:v>2.5449999999999999</c:v>
                </c:pt>
                <c:pt idx="153">
                  <c:v>1.968</c:v>
                </c:pt>
                <c:pt idx="154">
                  <c:v>1.968</c:v>
                </c:pt>
                <c:pt idx="155">
                  <c:v>1.968</c:v>
                </c:pt>
                <c:pt idx="156">
                  <c:v>1.968</c:v>
                </c:pt>
                <c:pt idx="157">
                  <c:v>1.603</c:v>
                </c:pt>
                <c:pt idx="158">
                  <c:v>1.575</c:v>
                </c:pt>
                <c:pt idx="159">
                  <c:v>1.2509999999999999</c:v>
                </c:pt>
                <c:pt idx="160">
                  <c:v>1.49</c:v>
                </c:pt>
                <c:pt idx="161">
                  <c:v>1.49</c:v>
                </c:pt>
                <c:pt idx="162">
                  <c:v>1.49</c:v>
                </c:pt>
                <c:pt idx="163">
                  <c:v>1.49</c:v>
                </c:pt>
                <c:pt idx="164">
                  <c:v>1.3779999999999999</c:v>
                </c:pt>
                <c:pt idx="165">
                  <c:v>1.2649999999999999</c:v>
                </c:pt>
                <c:pt idx="166">
                  <c:v>1.3080000000000001</c:v>
                </c:pt>
                <c:pt idx="167">
                  <c:v>1.3080000000000001</c:v>
                </c:pt>
                <c:pt idx="168">
                  <c:v>1.3080000000000001</c:v>
                </c:pt>
                <c:pt idx="169">
                  <c:v>1.3080000000000001</c:v>
                </c:pt>
                <c:pt idx="170">
                  <c:v>1.3080000000000001</c:v>
                </c:pt>
                <c:pt idx="171">
                  <c:v>1.42</c:v>
                </c:pt>
                <c:pt idx="172">
                  <c:v>1.3360000000000001</c:v>
                </c:pt>
                <c:pt idx="173">
                  <c:v>1.167</c:v>
                </c:pt>
                <c:pt idx="174">
                  <c:v>1.097</c:v>
                </c:pt>
                <c:pt idx="175">
                  <c:v>1.097</c:v>
                </c:pt>
                <c:pt idx="176">
                  <c:v>1.097</c:v>
                </c:pt>
                <c:pt idx="177">
                  <c:v>1.097</c:v>
                </c:pt>
                <c:pt idx="178">
                  <c:v>0.78700000000000003</c:v>
                </c:pt>
                <c:pt idx="179">
                  <c:v>0.88600000000000001</c:v>
                </c:pt>
                <c:pt idx="180">
                  <c:v>0.88600000000000001</c:v>
                </c:pt>
                <c:pt idx="181">
                  <c:v>0.64700000000000002</c:v>
                </c:pt>
                <c:pt idx="182">
                  <c:v>0.64700000000000002</c:v>
                </c:pt>
                <c:pt idx="183">
                  <c:v>0.64700000000000002</c:v>
                </c:pt>
                <c:pt idx="184">
                  <c:v>0.64700000000000002</c:v>
                </c:pt>
                <c:pt idx="185">
                  <c:v>0.63300000000000001</c:v>
                </c:pt>
                <c:pt idx="186">
                  <c:v>0.42199999999999999</c:v>
                </c:pt>
                <c:pt idx="187">
                  <c:v>0.38</c:v>
                </c:pt>
                <c:pt idx="188">
                  <c:v>0.28100000000000003</c:v>
                </c:pt>
                <c:pt idx="189">
                  <c:v>0.28100000000000003</c:v>
                </c:pt>
                <c:pt idx="190">
                  <c:v>0.28100000000000003</c:v>
                </c:pt>
                <c:pt idx="191">
                  <c:v>0.28100000000000003</c:v>
                </c:pt>
                <c:pt idx="192">
                  <c:v>0.32300000000000001</c:v>
                </c:pt>
                <c:pt idx="193">
                  <c:v>0.19700000000000001</c:v>
                </c:pt>
                <c:pt idx="194">
                  <c:v>0.14099999999999999</c:v>
                </c:pt>
                <c:pt idx="195">
                  <c:v>0.28100000000000003</c:v>
                </c:pt>
                <c:pt idx="196">
                  <c:v>0.28100000000000003</c:v>
                </c:pt>
                <c:pt idx="197">
                  <c:v>0.28100000000000003</c:v>
                </c:pt>
                <c:pt idx="198">
                  <c:v>0.28100000000000003</c:v>
                </c:pt>
                <c:pt idx="199">
                  <c:v>0.28100000000000003</c:v>
                </c:pt>
                <c:pt idx="200">
                  <c:v>0.39400000000000002</c:v>
                </c:pt>
                <c:pt idx="201">
                  <c:v>0.40799999999999997</c:v>
                </c:pt>
                <c:pt idx="202">
                  <c:v>0.38</c:v>
                </c:pt>
                <c:pt idx="203">
                  <c:v>0.38</c:v>
                </c:pt>
                <c:pt idx="204">
                  <c:v>0.38</c:v>
                </c:pt>
                <c:pt idx="205">
                  <c:v>0.38</c:v>
                </c:pt>
                <c:pt idx="206">
                  <c:v>0.33700000000000002</c:v>
                </c:pt>
                <c:pt idx="207">
                  <c:v>0.21099999999999999</c:v>
                </c:pt>
                <c:pt idx="208">
                  <c:v>0.21099999999999999</c:v>
                </c:pt>
                <c:pt idx="209">
                  <c:v>0.155</c:v>
                </c:pt>
                <c:pt idx="210">
                  <c:v>0.155</c:v>
                </c:pt>
                <c:pt idx="211">
                  <c:v>0.155</c:v>
                </c:pt>
                <c:pt idx="212">
                  <c:v>0.155</c:v>
                </c:pt>
                <c:pt idx="213">
                  <c:v>-1.4E-2</c:v>
                </c:pt>
                <c:pt idx="214">
                  <c:v>4.2000000000000003E-2</c:v>
                </c:pt>
                <c:pt idx="215">
                  <c:v>0.16900000000000001</c:v>
                </c:pt>
                <c:pt idx="216">
                  <c:v>0.19700000000000001</c:v>
                </c:pt>
                <c:pt idx="217">
                  <c:v>0.19700000000000001</c:v>
                </c:pt>
                <c:pt idx="218">
                  <c:v>0.19700000000000001</c:v>
                </c:pt>
                <c:pt idx="219">
                  <c:v>0.19700000000000001</c:v>
                </c:pt>
                <c:pt idx="220">
                  <c:v>0.35199999999999998</c:v>
                </c:pt>
                <c:pt idx="221">
                  <c:v>0.309</c:v>
                </c:pt>
                <c:pt idx="222">
                  <c:v>0.155</c:v>
                </c:pt>
                <c:pt idx="223">
                  <c:v>0.155</c:v>
                </c:pt>
                <c:pt idx="224">
                  <c:v>0.155</c:v>
                </c:pt>
                <c:pt idx="225">
                  <c:v>0.155</c:v>
                </c:pt>
                <c:pt idx="226">
                  <c:v>0.155</c:v>
                </c:pt>
                <c:pt idx="227">
                  <c:v>0.112</c:v>
                </c:pt>
                <c:pt idx="228">
                  <c:v>0.253</c:v>
                </c:pt>
                <c:pt idx="229">
                  <c:v>0.29499999999999998</c:v>
                </c:pt>
                <c:pt idx="230">
                  <c:v>0.26700000000000002</c:v>
                </c:pt>
                <c:pt idx="231">
                  <c:v>0.26700000000000002</c:v>
                </c:pt>
                <c:pt idx="232">
                  <c:v>0.26700000000000002</c:v>
                </c:pt>
                <c:pt idx="233">
                  <c:v>0.26700000000000002</c:v>
                </c:pt>
                <c:pt idx="234">
                  <c:v>0.26700000000000002</c:v>
                </c:pt>
                <c:pt idx="235">
                  <c:v>0.22500000000000001</c:v>
                </c:pt>
                <c:pt idx="236">
                  <c:v>0.19700000000000001</c:v>
                </c:pt>
                <c:pt idx="237">
                  <c:v>0.21099999999999999</c:v>
                </c:pt>
                <c:pt idx="238">
                  <c:v>0.21099999999999999</c:v>
                </c:pt>
                <c:pt idx="239">
                  <c:v>0.21099999999999999</c:v>
                </c:pt>
                <c:pt idx="240">
                  <c:v>0.21099999999999999</c:v>
                </c:pt>
                <c:pt idx="241">
                  <c:v>0.21099999999999999</c:v>
                </c:pt>
                <c:pt idx="242">
                  <c:v>0.23899999999999999</c:v>
                </c:pt>
                <c:pt idx="243">
                  <c:v>0.21099999999999999</c:v>
                </c:pt>
                <c:pt idx="244">
                  <c:v>0.21099999999999999</c:v>
                </c:pt>
                <c:pt idx="245">
                  <c:v>0.21099999999999999</c:v>
                </c:pt>
                <c:pt idx="246">
                  <c:v>0.21099999999999999</c:v>
                </c:pt>
                <c:pt idx="247">
                  <c:v>0.21099999999999999</c:v>
                </c:pt>
                <c:pt idx="248">
                  <c:v>0.21099999999999999</c:v>
                </c:pt>
                <c:pt idx="249">
                  <c:v>-1.4E-2</c:v>
                </c:pt>
                <c:pt idx="250">
                  <c:v>-1.4E-2</c:v>
                </c:pt>
                <c:pt idx="251">
                  <c:v>-1.4E-2</c:v>
                </c:pt>
                <c:pt idx="252">
                  <c:v>-1.4E-2</c:v>
                </c:pt>
                <c:pt idx="253">
                  <c:v>-1.4E-2</c:v>
                </c:pt>
                <c:pt idx="254">
                  <c:v>-1.4E-2</c:v>
                </c:pt>
                <c:pt idx="255">
                  <c:v>-1.4E-2</c:v>
                </c:pt>
                <c:pt idx="256">
                  <c:v>0.21099999999999999</c:v>
                </c:pt>
                <c:pt idx="257">
                  <c:v>0.253</c:v>
                </c:pt>
                <c:pt idx="258">
                  <c:v>0.33700000000000002</c:v>
                </c:pt>
                <c:pt idx="259">
                  <c:v>0.33700000000000002</c:v>
                </c:pt>
                <c:pt idx="260">
                  <c:v>0.33700000000000002</c:v>
                </c:pt>
                <c:pt idx="261">
                  <c:v>0.33700000000000002</c:v>
                </c:pt>
                <c:pt idx="262">
                  <c:v>0.33700000000000002</c:v>
                </c:pt>
                <c:pt idx="263">
                  <c:v>0.309</c:v>
                </c:pt>
                <c:pt idx="264">
                  <c:v>0.28100000000000003</c:v>
                </c:pt>
                <c:pt idx="265">
                  <c:v>0.21099999999999999</c:v>
                </c:pt>
                <c:pt idx="266">
                  <c:v>0.21099999999999999</c:v>
                </c:pt>
                <c:pt idx="267">
                  <c:v>0.21099999999999999</c:v>
                </c:pt>
                <c:pt idx="268">
                  <c:v>0.21099999999999999</c:v>
                </c:pt>
                <c:pt idx="269">
                  <c:v>0.21099999999999999</c:v>
                </c:pt>
                <c:pt idx="270">
                  <c:v>-2.8000000000000001E-2</c:v>
                </c:pt>
                <c:pt idx="271">
                  <c:v>5.6000000000000001E-2</c:v>
                </c:pt>
                <c:pt idx="272">
                  <c:v>7.0000000000000007E-2</c:v>
                </c:pt>
                <c:pt idx="273">
                  <c:v>7.0000000000000007E-2</c:v>
                </c:pt>
                <c:pt idx="274">
                  <c:v>7.0000000000000007E-2</c:v>
                </c:pt>
                <c:pt idx="275">
                  <c:v>7.0000000000000007E-2</c:v>
                </c:pt>
                <c:pt idx="276">
                  <c:v>7.0000000000000007E-2</c:v>
                </c:pt>
                <c:pt idx="277">
                  <c:v>0.98399999999999999</c:v>
                </c:pt>
                <c:pt idx="278">
                  <c:v>0.95599999999999996</c:v>
                </c:pt>
                <c:pt idx="279">
                  <c:v>1.181</c:v>
                </c:pt>
                <c:pt idx="280">
                  <c:v>1.181</c:v>
                </c:pt>
                <c:pt idx="281">
                  <c:v>1.181</c:v>
                </c:pt>
                <c:pt idx="282">
                  <c:v>1.181</c:v>
                </c:pt>
                <c:pt idx="283">
                  <c:v>1.181</c:v>
                </c:pt>
                <c:pt idx="284">
                  <c:v>1.1950000000000001</c:v>
                </c:pt>
                <c:pt idx="285">
                  <c:v>1.6870000000000001</c:v>
                </c:pt>
                <c:pt idx="286">
                  <c:v>1.9970000000000001</c:v>
                </c:pt>
                <c:pt idx="287">
                  <c:v>1.9970000000000001</c:v>
                </c:pt>
                <c:pt idx="288">
                  <c:v>1.9970000000000001</c:v>
                </c:pt>
                <c:pt idx="289">
                  <c:v>1.9970000000000001</c:v>
                </c:pt>
                <c:pt idx="290">
                  <c:v>1.9970000000000001</c:v>
                </c:pt>
                <c:pt idx="291">
                  <c:v>3.36</c:v>
                </c:pt>
                <c:pt idx="292">
                  <c:v>3.0649999999999999</c:v>
                </c:pt>
                <c:pt idx="293">
                  <c:v>3.403</c:v>
                </c:pt>
                <c:pt idx="294">
                  <c:v>3.403</c:v>
                </c:pt>
                <c:pt idx="295">
                  <c:v>3.403</c:v>
                </c:pt>
                <c:pt idx="296">
                  <c:v>3.403</c:v>
                </c:pt>
                <c:pt idx="297">
                  <c:v>3.403</c:v>
                </c:pt>
                <c:pt idx="298">
                  <c:v>3.29</c:v>
                </c:pt>
                <c:pt idx="299">
                  <c:v>3.9649999999999999</c:v>
                </c:pt>
                <c:pt idx="300">
                  <c:v>3.867</c:v>
                </c:pt>
                <c:pt idx="301">
                  <c:v>3.867</c:v>
                </c:pt>
                <c:pt idx="302">
                  <c:v>3.867</c:v>
                </c:pt>
                <c:pt idx="303">
                  <c:v>3.867</c:v>
                </c:pt>
                <c:pt idx="304">
                  <c:v>3.867</c:v>
                </c:pt>
                <c:pt idx="305">
                  <c:v>5.8630000000000004</c:v>
                </c:pt>
                <c:pt idx="306">
                  <c:v>5.4130000000000003</c:v>
                </c:pt>
                <c:pt idx="307">
                  <c:v>5.4269999999999996</c:v>
                </c:pt>
                <c:pt idx="308">
                  <c:v>5.4269999999999996</c:v>
                </c:pt>
                <c:pt idx="309">
                  <c:v>5.4269999999999996</c:v>
                </c:pt>
                <c:pt idx="310">
                  <c:v>5.4269999999999996</c:v>
                </c:pt>
                <c:pt idx="311">
                  <c:v>5.4269999999999996</c:v>
                </c:pt>
                <c:pt idx="312">
                  <c:v>4.556</c:v>
                </c:pt>
                <c:pt idx="313">
                  <c:v>4.8789999999999996</c:v>
                </c:pt>
                <c:pt idx="314">
                  <c:v>6.2850000000000001</c:v>
                </c:pt>
                <c:pt idx="315">
                  <c:v>6.2850000000000001</c:v>
                </c:pt>
                <c:pt idx="316">
                  <c:v>6.2850000000000001</c:v>
                </c:pt>
                <c:pt idx="317">
                  <c:v>6.2850000000000001</c:v>
                </c:pt>
                <c:pt idx="318">
                  <c:v>6.2850000000000001</c:v>
                </c:pt>
                <c:pt idx="319">
                  <c:v>7.1150000000000002</c:v>
                </c:pt>
                <c:pt idx="320">
                  <c:v>7.5789999999999997</c:v>
                </c:pt>
                <c:pt idx="321">
                  <c:v>6.7350000000000003</c:v>
                </c:pt>
                <c:pt idx="322">
                  <c:v>6.7350000000000003</c:v>
                </c:pt>
                <c:pt idx="323">
                  <c:v>6.7350000000000003</c:v>
                </c:pt>
                <c:pt idx="324">
                  <c:v>6.7350000000000003</c:v>
                </c:pt>
                <c:pt idx="325">
                  <c:v>6.7350000000000003</c:v>
                </c:pt>
                <c:pt idx="326">
                  <c:v>6.7069999999999999</c:v>
                </c:pt>
                <c:pt idx="327">
                  <c:v>5.4269999999999996</c:v>
                </c:pt>
                <c:pt idx="328">
                  <c:v>4.0209999999999999</c:v>
                </c:pt>
                <c:pt idx="329">
                  <c:v>4.0209999999999999</c:v>
                </c:pt>
                <c:pt idx="330">
                  <c:v>4.0209999999999999</c:v>
                </c:pt>
                <c:pt idx="331">
                  <c:v>4.0209999999999999</c:v>
                </c:pt>
                <c:pt idx="332">
                  <c:v>4.0209999999999999</c:v>
                </c:pt>
                <c:pt idx="333">
                  <c:v>6.2990000000000004</c:v>
                </c:pt>
                <c:pt idx="334">
                  <c:v>6.2990000000000004</c:v>
                </c:pt>
                <c:pt idx="335">
                  <c:v>6.2990000000000004</c:v>
                </c:pt>
                <c:pt idx="336">
                  <c:v>6.2990000000000004</c:v>
                </c:pt>
                <c:pt idx="337">
                  <c:v>6.2990000000000004</c:v>
                </c:pt>
                <c:pt idx="338">
                  <c:v>6.2990000000000004</c:v>
                </c:pt>
                <c:pt idx="339">
                  <c:v>9.6460000000000008</c:v>
                </c:pt>
                <c:pt idx="340">
                  <c:v>3.3460000000000001</c:v>
                </c:pt>
                <c:pt idx="341">
                  <c:v>7.5220000000000002</c:v>
                </c:pt>
                <c:pt idx="342">
                  <c:v>9.9269999999999996</c:v>
                </c:pt>
                <c:pt idx="343">
                  <c:v>9.9269999999999996</c:v>
                </c:pt>
                <c:pt idx="344">
                  <c:v>9.9269999999999996</c:v>
                </c:pt>
                <c:pt idx="345">
                  <c:v>9.9269999999999996</c:v>
                </c:pt>
                <c:pt idx="346">
                  <c:v>6.58</c:v>
                </c:pt>
                <c:pt idx="347">
                  <c:v>12.218999999999999</c:v>
                </c:pt>
                <c:pt idx="348">
                  <c:v>12.978</c:v>
                </c:pt>
                <c:pt idx="349">
                  <c:v>12.513999999999999</c:v>
                </c:pt>
                <c:pt idx="350">
                  <c:v>12.513999999999999</c:v>
                </c:pt>
                <c:pt idx="351">
                  <c:v>12.513999999999999</c:v>
                </c:pt>
                <c:pt idx="352">
                  <c:v>12.513999999999999</c:v>
                </c:pt>
                <c:pt idx="353">
                  <c:v>12.513999999999999</c:v>
                </c:pt>
                <c:pt idx="354">
                  <c:v>13.54</c:v>
                </c:pt>
                <c:pt idx="355">
                  <c:v>10.349</c:v>
                </c:pt>
                <c:pt idx="356">
                  <c:v>9.5890000000000004</c:v>
                </c:pt>
                <c:pt idx="357">
                  <c:v>9.5890000000000004</c:v>
                </c:pt>
                <c:pt idx="358">
                  <c:v>9.5890000000000004</c:v>
                </c:pt>
                <c:pt idx="359">
                  <c:v>9.5890000000000004</c:v>
                </c:pt>
                <c:pt idx="360">
                  <c:v>12.992000000000001</c:v>
                </c:pt>
                <c:pt idx="361">
                  <c:v>8.83</c:v>
                </c:pt>
                <c:pt idx="362">
                  <c:v>8.4220000000000006</c:v>
                </c:pt>
                <c:pt idx="363">
                  <c:v>8.2390000000000008</c:v>
                </c:pt>
                <c:pt idx="364">
                  <c:v>8.2390000000000008</c:v>
                </c:pt>
                <c:pt idx="365">
                  <c:v>8.2390000000000008</c:v>
                </c:pt>
                <c:pt idx="366">
                  <c:v>8.2390000000000008</c:v>
                </c:pt>
                <c:pt idx="367">
                  <c:v>7.9859999999999998</c:v>
                </c:pt>
                <c:pt idx="368">
                  <c:v>7.2270000000000003</c:v>
                </c:pt>
                <c:pt idx="369">
                  <c:v>7.1429999999999998</c:v>
                </c:pt>
                <c:pt idx="370">
                  <c:v>7.3680000000000003</c:v>
                </c:pt>
                <c:pt idx="371">
                  <c:v>7.3680000000000003</c:v>
                </c:pt>
                <c:pt idx="372">
                  <c:v>7.3680000000000003</c:v>
                </c:pt>
                <c:pt idx="373">
                  <c:v>7.3680000000000003</c:v>
                </c:pt>
                <c:pt idx="374">
                  <c:v>5.2450000000000001</c:v>
                </c:pt>
                <c:pt idx="375">
                  <c:v>5.4409999999999998</c:v>
                </c:pt>
                <c:pt idx="376">
                  <c:v>4.8090000000000002</c:v>
                </c:pt>
                <c:pt idx="377">
                  <c:v>4.4009999999999998</c:v>
                </c:pt>
                <c:pt idx="378">
                  <c:v>4.4009999999999998</c:v>
                </c:pt>
                <c:pt idx="379">
                  <c:v>4.4009999999999998</c:v>
                </c:pt>
                <c:pt idx="380">
                  <c:v>4.4009999999999998</c:v>
                </c:pt>
                <c:pt idx="381">
                  <c:v>4.2039999999999997</c:v>
                </c:pt>
                <c:pt idx="382">
                  <c:v>3.4169999999999998</c:v>
                </c:pt>
                <c:pt idx="383">
                  <c:v>3.206</c:v>
                </c:pt>
                <c:pt idx="384">
                  <c:v>3.1070000000000002</c:v>
                </c:pt>
                <c:pt idx="385">
                  <c:v>3.1070000000000002</c:v>
                </c:pt>
                <c:pt idx="386">
                  <c:v>3.1070000000000002</c:v>
                </c:pt>
                <c:pt idx="387">
                  <c:v>3.1070000000000002</c:v>
                </c:pt>
                <c:pt idx="388">
                  <c:v>3.1779999999999999</c:v>
                </c:pt>
                <c:pt idx="389">
                  <c:v>3.15</c:v>
                </c:pt>
                <c:pt idx="390">
                  <c:v>2.8119999999999998</c:v>
                </c:pt>
                <c:pt idx="391">
                  <c:v>2.4889999999999999</c:v>
                </c:pt>
                <c:pt idx="392">
                  <c:v>2.4889999999999999</c:v>
                </c:pt>
                <c:pt idx="393">
                  <c:v>2.4889999999999999</c:v>
                </c:pt>
                <c:pt idx="394">
                  <c:v>2.4889999999999999</c:v>
                </c:pt>
                <c:pt idx="395">
                  <c:v>2.3759999999999999</c:v>
                </c:pt>
                <c:pt idx="396">
                  <c:v>2.4039999999999999</c:v>
                </c:pt>
                <c:pt idx="397">
                  <c:v>2.5169999999999999</c:v>
                </c:pt>
                <c:pt idx="398">
                  <c:v>2.4889999999999999</c:v>
                </c:pt>
                <c:pt idx="399">
                  <c:v>2.4889999999999999</c:v>
                </c:pt>
                <c:pt idx="400">
                  <c:v>2.4889999999999999</c:v>
                </c:pt>
                <c:pt idx="401">
                  <c:v>2.4889999999999999</c:v>
                </c:pt>
                <c:pt idx="402">
                  <c:v>2.25</c:v>
                </c:pt>
                <c:pt idx="403">
                  <c:v>1.744</c:v>
                </c:pt>
                <c:pt idx="404">
                  <c:v>1.8839999999999999</c:v>
                </c:pt>
                <c:pt idx="405">
                  <c:v>2.0110000000000001</c:v>
                </c:pt>
                <c:pt idx="406">
                  <c:v>2.0110000000000001</c:v>
                </c:pt>
                <c:pt idx="407">
                  <c:v>2.0110000000000001</c:v>
                </c:pt>
                <c:pt idx="408">
                  <c:v>2.0110000000000001</c:v>
                </c:pt>
                <c:pt idx="409">
                  <c:v>1.8280000000000001</c:v>
                </c:pt>
                <c:pt idx="410">
                  <c:v>1.968</c:v>
                </c:pt>
                <c:pt idx="411">
                  <c:v>1.758</c:v>
                </c:pt>
                <c:pt idx="412">
                  <c:v>1.631</c:v>
                </c:pt>
                <c:pt idx="413">
                  <c:v>1.631</c:v>
                </c:pt>
                <c:pt idx="414">
                  <c:v>1.631</c:v>
                </c:pt>
                <c:pt idx="415">
                  <c:v>1.631</c:v>
                </c:pt>
                <c:pt idx="416">
                  <c:v>2.0110000000000001</c:v>
                </c:pt>
                <c:pt idx="417">
                  <c:v>1.8140000000000001</c:v>
                </c:pt>
                <c:pt idx="418">
                  <c:v>1.9259999999999999</c:v>
                </c:pt>
                <c:pt idx="419">
                  <c:v>1.968</c:v>
                </c:pt>
                <c:pt idx="420">
                  <c:v>1.968</c:v>
                </c:pt>
                <c:pt idx="421">
                  <c:v>1.968</c:v>
                </c:pt>
                <c:pt idx="422">
                  <c:v>1.968</c:v>
                </c:pt>
                <c:pt idx="423">
                  <c:v>1.617</c:v>
                </c:pt>
                <c:pt idx="424">
                  <c:v>1.5189999999999999</c:v>
                </c:pt>
                <c:pt idx="425">
                  <c:v>1.758</c:v>
                </c:pt>
                <c:pt idx="426">
                  <c:v>1.35</c:v>
                </c:pt>
                <c:pt idx="427">
                  <c:v>1.35</c:v>
                </c:pt>
                <c:pt idx="428">
                  <c:v>1.35</c:v>
                </c:pt>
                <c:pt idx="429">
                  <c:v>1.35</c:v>
                </c:pt>
                <c:pt idx="430">
                  <c:v>1.448</c:v>
                </c:pt>
                <c:pt idx="431">
                  <c:v>1.589</c:v>
                </c:pt>
                <c:pt idx="432">
                  <c:v>1.3640000000000001</c:v>
                </c:pt>
                <c:pt idx="433">
                  <c:v>1.7290000000000001</c:v>
                </c:pt>
                <c:pt idx="434">
                  <c:v>1.7290000000000001</c:v>
                </c:pt>
                <c:pt idx="435">
                  <c:v>1.7290000000000001</c:v>
                </c:pt>
                <c:pt idx="436">
                  <c:v>1.7290000000000001</c:v>
                </c:pt>
                <c:pt idx="437">
                  <c:v>1.786</c:v>
                </c:pt>
                <c:pt idx="438">
                  <c:v>1.9970000000000001</c:v>
                </c:pt>
                <c:pt idx="439">
                  <c:v>2.3340000000000001</c:v>
                </c:pt>
                <c:pt idx="440">
                  <c:v>2.3479999999999999</c:v>
                </c:pt>
                <c:pt idx="441">
                  <c:v>2.3479999999999999</c:v>
                </c:pt>
                <c:pt idx="442">
                  <c:v>2.3479999999999999</c:v>
                </c:pt>
                <c:pt idx="443">
                  <c:v>2.3479999999999999</c:v>
                </c:pt>
                <c:pt idx="444">
                  <c:v>2.3199999999999998</c:v>
                </c:pt>
                <c:pt idx="445">
                  <c:v>2.0110000000000001</c:v>
                </c:pt>
                <c:pt idx="446">
                  <c:v>1.7010000000000001</c:v>
                </c:pt>
                <c:pt idx="447">
                  <c:v>1.8979999999999999</c:v>
                </c:pt>
                <c:pt idx="448">
                  <c:v>1.8979999999999999</c:v>
                </c:pt>
                <c:pt idx="449">
                  <c:v>1.8979999999999999</c:v>
                </c:pt>
                <c:pt idx="450">
                  <c:v>1.8979999999999999</c:v>
                </c:pt>
                <c:pt idx="451">
                  <c:v>2.0110000000000001</c:v>
                </c:pt>
                <c:pt idx="452">
                  <c:v>1.9259999999999999</c:v>
                </c:pt>
                <c:pt idx="453">
                  <c:v>1.6870000000000001</c:v>
                </c:pt>
                <c:pt idx="454">
                  <c:v>1.758</c:v>
                </c:pt>
                <c:pt idx="455">
                  <c:v>1.758</c:v>
                </c:pt>
                <c:pt idx="456">
                  <c:v>1.758</c:v>
                </c:pt>
                <c:pt idx="457">
                  <c:v>1.758</c:v>
                </c:pt>
                <c:pt idx="458">
                  <c:v>1.7290000000000001</c:v>
                </c:pt>
                <c:pt idx="459">
                  <c:v>2.1230000000000002</c:v>
                </c:pt>
                <c:pt idx="460">
                  <c:v>2.1930000000000001</c:v>
                </c:pt>
                <c:pt idx="461">
                  <c:v>1.758</c:v>
                </c:pt>
                <c:pt idx="462">
                  <c:v>1.758</c:v>
                </c:pt>
                <c:pt idx="463">
                  <c:v>1.758</c:v>
                </c:pt>
                <c:pt idx="464">
                  <c:v>1.758</c:v>
                </c:pt>
                <c:pt idx="465">
                  <c:v>1.772</c:v>
                </c:pt>
                <c:pt idx="466">
                  <c:v>1.631</c:v>
                </c:pt>
                <c:pt idx="467">
                  <c:v>1.5329999999999999</c:v>
                </c:pt>
                <c:pt idx="468">
                  <c:v>1.4339999999999999</c:v>
                </c:pt>
                <c:pt idx="469">
                  <c:v>1.4339999999999999</c:v>
                </c:pt>
                <c:pt idx="470">
                  <c:v>1.4339999999999999</c:v>
                </c:pt>
                <c:pt idx="471">
                  <c:v>1.4339999999999999</c:v>
                </c:pt>
                <c:pt idx="472">
                  <c:v>1.181</c:v>
                </c:pt>
                <c:pt idx="473">
                  <c:v>1.153</c:v>
                </c:pt>
                <c:pt idx="474">
                  <c:v>1.181</c:v>
                </c:pt>
                <c:pt idx="475">
                  <c:v>1.28</c:v>
                </c:pt>
                <c:pt idx="476">
                  <c:v>1.28</c:v>
                </c:pt>
                <c:pt idx="477">
                  <c:v>1.28</c:v>
                </c:pt>
                <c:pt idx="478">
                  <c:v>1.28</c:v>
                </c:pt>
                <c:pt idx="479">
                  <c:v>1.3360000000000001</c:v>
                </c:pt>
                <c:pt idx="480">
                  <c:v>1.2230000000000001</c:v>
                </c:pt>
                <c:pt idx="481">
                  <c:v>1.4059999999999999</c:v>
                </c:pt>
                <c:pt idx="482">
                  <c:v>1.1950000000000001</c:v>
                </c:pt>
                <c:pt idx="483">
                  <c:v>1.1950000000000001</c:v>
                </c:pt>
                <c:pt idx="484">
                  <c:v>1.1950000000000001</c:v>
                </c:pt>
                <c:pt idx="485">
                  <c:v>1.1950000000000001</c:v>
                </c:pt>
                <c:pt idx="486">
                  <c:v>0.77300000000000002</c:v>
                </c:pt>
                <c:pt idx="487">
                  <c:v>0.21099999999999999</c:v>
                </c:pt>
                <c:pt idx="488">
                  <c:v>0.85799999999999998</c:v>
                </c:pt>
                <c:pt idx="489">
                  <c:v>1.012</c:v>
                </c:pt>
                <c:pt idx="490">
                  <c:v>1.012</c:v>
                </c:pt>
                <c:pt idx="491">
                  <c:v>1.012</c:v>
                </c:pt>
                <c:pt idx="492">
                  <c:v>1.012</c:v>
                </c:pt>
                <c:pt idx="493">
                  <c:v>1.3360000000000001</c:v>
                </c:pt>
                <c:pt idx="494">
                  <c:v>1.5609999999999999</c:v>
                </c:pt>
                <c:pt idx="495">
                  <c:v>0.745</c:v>
                </c:pt>
                <c:pt idx="496">
                  <c:v>0.71699999999999997</c:v>
                </c:pt>
                <c:pt idx="497">
                  <c:v>0.71699999999999997</c:v>
                </c:pt>
                <c:pt idx="498">
                  <c:v>0.71699999999999997</c:v>
                </c:pt>
                <c:pt idx="499">
                  <c:v>0.71699999999999997</c:v>
                </c:pt>
                <c:pt idx="500">
                  <c:v>0.39400000000000002</c:v>
                </c:pt>
                <c:pt idx="501">
                  <c:v>0.16900000000000001</c:v>
                </c:pt>
                <c:pt idx="502">
                  <c:v>0.127</c:v>
                </c:pt>
                <c:pt idx="503">
                  <c:v>0</c:v>
                </c:pt>
                <c:pt idx="504">
                  <c:v>0</c:v>
                </c:pt>
                <c:pt idx="505">
                  <c:v>0</c:v>
                </c:pt>
                <c:pt idx="506">
                  <c:v>0</c:v>
                </c:pt>
                <c:pt idx="507">
                  <c:v>0.47799999999999998</c:v>
                </c:pt>
                <c:pt idx="508">
                  <c:v>0.59099999999999997</c:v>
                </c:pt>
                <c:pt idx="509">
                  <c:v>0.63300000000000001</c:v>
                </c:pt>
                <c:pt idx="510">
                  <c:v>0.63300000000000001</c:v>
                </c:pt>
                <c:pt idx="511">
                  <c:v>0.63300000000000001</c:v>
                </c:pt>
                <c:pt idx="512">
                  <c:v>0.63300000000000001</c:v>
                </c:pt>
                <c:pt idx="513">
                  <c:v>0.63300000000000001</c:v>
                </c:pt>
                <c:pt idx="514">
                  <c:v>0.253</c:v>
                </c:pt>
                <c:pt idx="515">
                  <c:v>0.183</c:v>
                </c:pt>
                <c:pt idx="516">
                  <c:v>0.155</c:v>
                </c:pt>
                <c:pt idx="517">
                  <c:v>0.16900000000000001</c:v>
                </c:pt>
                <c:pt idx="518">
                  <c:v>0.16900000000000001</c:v>
                </c:pt>
                <c:pt idx="519">
                  <c:v>0.16900000000000001</c:v>
                </c:pt>
                <c:pt idx="520">
                  <c:v>0.16900000000000001</c:v>
                </c:pt>
                <c:pt idx="521">
                  <c:v>9.8000000000000004E-2</c:v>
                </c:pt>
                <c:pt idx="522">
                  <c:v>0.14099999999999999</c:v>
                </c:pt>
                <c:pt idx="523">
                  <c:v>0.16900000000000001</c:v>
                </c:pt>
                <c:pt idx="524">
                  <c:v>0.16900000000000001</c:v>
                </c:pt>
                <c:pt idx="525">
                  <c:v>0.16900000000000001</c:v>
                </c:pt>
                <c:pt idx="526">
                  <c:v>0.16900000000000001</c:v>
                </c:pt>
                <c:pt idx="527">
                  <c:v>0.16900000000000001</c:v>
                </c:pt>
                <c:pt idx="528">
                  <c:v>0.16900000000000001</c:v>
                </c:pt>
                <c:pt idx="529">
                  <c:v>4.2000000000000003E-2</c:v>
                </c:pt>
                <c:pt idx="530">
                  <c:v>1.4E-2</c:v>
                </c:pt>
                <c:pt idx="531">
                  <c:v>4.2000000000000003E-2</c:v>
                </c:pt>
                <c:pt idx="532">
                  <c:v>4.2000000000000003E-2</c:v>
                </c:pt>
                <c:pt idx="533">
                  <c:v>4.2000000000000003E-2</c:v>
                </c:pt>
                <c:pt idx="534">
                  <c:v>4.2000000000000003E-2</c:v>
                </c:pt>
                <c:pt idx="535">
                  <c:v>7.0000000000000007E-2</c:v>
                </c:pt>
                <c:pt idx="536">
                  <c:v>0.127</c:v>
                </c:pt>
                <c:pt idx="537">
                  <c:v>0.112</c:v>
                </c:pt>
                <c:pt idx="538">
                  <c:v>7.0000000000000007E-2</c:v>
                </c:pt>
                <c:pt idx="539">
                  <c:v>7.0000000000000007E-2</c:v>
                </c:pt>
                <c:pt idx="540">
                  <c:v>7.0000000000000007E-2</c:v>
                </c:pt>
                <c:pt idx="541">
                  <c:v>7.0000000000000007E-2</c:v>
                </c:pt>
                <c:pt idx="542">
                  <c:v>7.0000000000000007E-2</c:v>
                </c:pt>
                <c:pt idx="543">
                  <c:v>5.6000000000000001E-2</c:v>
                </c:pt>
                <c:pt idx="544">
                  <c:v>7.0000000000000007E-2</c:v>
                </c:pt>
                <c:pt idx="545">
                  <c:v>5.6000000000000001E-2</c:v>
                </c:pt>
                <c:pt idx="546">
                  <c:v>5.6000000000000001E-2</c:v>
                </c:pt>
                <c:pt idx="547">
                  <c:v>5.6000000000000001E-2</c:v>
                </c:pt>
                <c:pt idx="548">
                  <c:v>5.6000000000000001E-2</c:v>
                </c:pt>
                <c:pt idx="549">
                  <c:v>2.8000000000000001E-2</c:v>
                </c:pt>
                <c:pt idx="550">
                  <c:v>2.8000000000000001E-2</c:v>
                </c:pt>
                <c:pt idx="551">
                  <c:v>1.4E-2</c:v>
                </c:pt>
                <c:pt idx="552">
                  <c:v>2.8000000000000001E-2</c:v>
                </c:pt>
                <c:pt idx="553">
                  <c:v>2.8000000000000001E-2</c:v>
                </c:pt>
                <c:pt idx="554">
                  <c:v>2.8000000000000001E-2</c:v>
                </c:pt>
                <c:pt idx="555">
                  <c:v>2.8000000000000001E-2</c:v>
                </c:pt>
                <c:pt idx="556">
                  <c:v>1.4E-2</c:v>
                </c:pt>
                <c:pt idx="557">
                  <c:v>1.4E-2</c:v>
                </c:pt>
                <c:pt idx="558">
                  <c:v>1.4E-2</c:v>
                </c:pt>
                <c:pt idx="559">
                  <c:v>1.4E-2</c:v>
                </c:pt>
                <c:pt idx="560">
                  <c:v>1.4E-2</c:v>
                </c:pt>
                <c:pt idx="561">
                  <c:v>1.4E-2</c:v>
                </c:pt>
                <c:pt idx="562">
                  <c:v>1.4E-2</c:v>
                </c:pt>
                <c:pt idx="563">
                  <c:v>1.4E-2</c:v>
                </c:pt>
                <c:pt idx="564">
                  <c:v>5.6000000000000001E-2</c:v>
                </c:pt>
                <c:pt idx="565">
                  <c:v>8.4000000000000005E-2</c:v>
                </c:pt>
                <c:pt idx="566">
                  <c:v>0.14099999999999999</c:v>
                </c:pt>
                <c:pt idx="567">
                  <c:v>0.14099999999999999</c:v>
                </c:pt>
                <c:pt idx="568">
                  <c:v>0.14099999999999999</c:v>
                </c:pt>
                <c:pt idx="569">
                  <c:v>0.14099999999999999</c:v>
                </c:pt>
                <c:pt idx="570">
                  <c:v>0.155</c:v>
                </c:pt>
                <c:pt idx="571">
                  <c:v>0.16900000000000001</c:v>
                </c:pt>
                <c:pt idx="572">
                  <c:v>0.253</c:v>
                </c:pt>
                <c:pt idx="573">
                  <c:v>0.23899999999999999</c:v>
                </c:pt>
                <c:pt idx="574">
                  <c:v>0.23899999999999999</c:v>
                </c:pt>
                <c:pt idx="575">
                  <c:v>0.23899999999999999</c:v>
                </c:pt>
                <c:pt idx="576">
                  <c:v>0.23899999999999999</c:v>
                </c:pt>
                <c:pt idx="577">
                  <c:v>0.309</c:v>
                </c:pt>
                <c:pt idx="578">
                  <c:v>0.253</c:v>
                </c:pt>
                <c:pt idx="579">
                  <c:v>0.14099999999999999</c:v>
                </c:pt>
                <c:pt idx="580">
                  <c:v>9.8000000000000004E-2</c:v>
                </c:pt>
                <c:pt idx="581">
                  <c:v>9.8000000000000004E-2</c:v>
                </c:pt>
                <c:pt idx="582">
                  <c:v>9.8000000000000004E-2</c:v>
                </c:pt>
                <c:pt idx="583">
                  <c:v>9.8000000000000004E-2</c:v>
                </c:pt>
                <c:pt idx="584">
                  <c:v>9.8000000000000004E-2</c:v>
                </c:pt>
                <c:pt idx="585">
                  <c:v>0.112</c:v>
                </c:pt>
                <c:pt idx="586">
                  <c:v>0.14099999999999999</c:v>
                </c:pt>
                <c:pt idx="587">
                  <c:v>0.155</c:v>
                </c:pt>
                <c:pt idx="588">
                  <c:v>0.155</c:v>
                </c:pt>
                <c:pt idx="589">
                  <c:v>0.155</c:v>
                </c:pt>
                <c:pt idx="590">
                  <c:v>0.155</c:v>
                </c:pt>
                <c:pt idx="591">
                  <c:v>0.42199999999999999</c:v>
                </c:pt>
                <c:pt idx="592">
                  <c:v>0.56200000000000006</c:v>
                </c:pt>
                <c:pt idx="593">
                  <c:v>0.71699999999999997</c:v>
                </c:pt>
                <c:pt idx="594">
                  <c:v>1.012</c:v>
                </c:pt>
                <c:pt idx="595">
                  <c:v>1.012</c:v>
                </c:pt>
                <c:pt idx="596">
                  <c:v>1.012</c:v>
                </c:pt>
                <c:pt idx="597">
                  <c:v>1.012</c:v>
                </c:pt>
                <c:pt idx="598">
                  <c:v>0.85799999999999998</c:v>
                </c:pt>
                <c:pt idx="599">
                  <c:v>0.97</c:v>
                </c:pt>
                <c:pt idx="600">
                  <c:v>0.84399999999999997</c:v>
                </c:pt>
                <c:pt idx="601">
                  <c:v>0.64700000000000002</c:v>
                </c:pt>
                <c:pt idx="602">
                  <c:v>0.64700000000000002</c:v>
                </c:pt>
                <c:pt idx="603">
                  <c:v>0.64700000000000002</c:v>
                </c:pt>
                <c:pt idx="604">
                  <c:v>0.64700000000000002</c:v>
                </c:pt>
                <c:pt idx="605">
                  <c:v>0.84399999999999997</c:v>
                </c:pt>
                <c:pt idx="606">
                  <c:v>0.66100000000000003</c:v>
                </c:pt>
                <c:pt idx="607">
                  <c:v>0.71699999999999997</c:v>
                </c:pt>
                <c:pt idx="608">
                  <c:v>0.66100000000000003</c:v>
                </c:pt>
                <c:pt idx="609">
                  <c:v>0.66100000000000003</c:v>
                </c:pt>
                <c:pt idx="610">
                  <c:v>0.66100000000000003</c:v>
                </c:pt>
                <c:pt idx="611">
                  <c:v>0.66100000000000003</c:v>
                </c:pt>
                <c:pt idx="612">
                  <c:v>0.3659999999999999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3087-46BD-BC7A-A8469521D256}"/>
            </c:ext>
          </c:extLst>
        </c:ser>
        <c:ser>
          <c:idx val="2"/>
          <c:order val="2"/>
          <c:tx>
            <c:strRef>
              <c:f>'owid-covid-data'!$S$1</c:f>
              <c:strCache>
                <c:ptCount val="1"/>
                <c:pt idx="0">
                  <c:v>ICU Per Million</c:v>
                </c:pt>
              </c:strCache>
            </c:strRef>
          </c:tx>
          <c:spPr>
            <a:ln w="34925" cap="rnd">
              <a:solidFill>
                <a:schemeClr val="accent2"/>
              </a:solidFill>
              <a:prstDash val="sysDot"/>
              <a:round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marker>
            <c:symbol val="none"/>
          </c:marker>
          <c:cat>
            <c:numRef>
              <c:f>'owid-covid-data'!$D$2:$D$121540</c:f>
              <c:numCache>
                <c:formatCode>m/d/yyyy</c:formatCode>
                <c:ptCount val="613"/>
                <c:pt idx="0">
                  <c:v>43862</c:v>
                </c:pt>
                <c:pt idx="1">
                  <c:v>43863</c:v>
                </c:pt>
                <c:pt idx="2">
                  <c:v>43864</c:v>
                </c:pt>
                <c:pt idx="3">
                  <c:v>43865</c:v>
                </c:pt>
                <c:pt idx="4">
                  <c:v>43866</c:v>
                </c:pt>
                <c:pt idx="5">
                  <c:v>43867</c:v>
                </c:pt>
                <c:pt idx="6">
                  <c:v>43868</c:v>
                </c:pt>
                <c:pt idx="7">
                  <c:v>43869</c:v>
                </c:pt>
                <c:pt idx="8">
                  <c:v>43870</c:v>
                </c:pt>
                <c:pt idx="9">
                  <c:v>43871</c:v>
                </c:pt>
                <c:pt idx="10">
                  <c:v>43872</c:v>
                </c:pt>
                <c:pt idx="11">
                  <c:v>43873</c:v>
                </c:pt>
                <c:pt idx="12">
                  <c:v>43874</c:v>
                </c:pt>
                <c:pt idx="13">
                  <c:v>43875</c:v>
                </c:pt>
                <c:pt idx="14">
                  <c:v>43876</c:v>
                </c:pt>
                <c:pt idx="15">
                  <c:v>43877</c:v>
                </c:pt>
                <c:pt idx="16">
                  <c:v>43878</c:v>
                </c:pt>
                <c:pt idx="17">
                  <c:v>43879</c:v>
                </c:pt>
                <c:pt idx="18">
                  <c:v>43880</c:v>
                </c:pt>
                <c:pt idx="19">
                  <c:v>43881</c:v>
                </c:pt>
                <c:pt idx="20">
                  <c:v>43882</c:v>
                </c:pt>
                <c:pt idx="21">
                  <c:v>43883</c:v>
                </c:pt>
                <c:pt idx="22">
                  <c:v>43884</c:v>
                </c:pt>
                <c:pt idx="23">
                  <c:v>43885</c:v>
                </c:pt>
                <c:pt idx="24">
                  <c:v>43886</c:v>
                </c:pt>
                <c:pt idx="25">
                  <c:v>43887</c:v>
                </c:pt>
                <c:pt idx="26">
                  <c:v>43888</c:v>
                </c:pt>
                <c:pt idx="27">
                  <c:v>43889</c:v>
                </c:pt>
                <c:pt idx="28">
                  <c:v>43890</c:v>
                </c:pt>
                <c:pt idx="29">
                  <c:v>43891</c:v>
                </c:pt>
                <c:pt idx="30">
                  <c:v>43892</c:v>
                </c:pt>
                <c:pt idx="31">
                  <c:v>43893</c:v>
                </c:pt>
                <c:pt idx="32">
                  <c:v>43894</c:v>
                </c:pt>
                <c:pt idx="33">
                  <c:v>43895</c:v>
                </c:pt>
                <c:pt idx="34">
                  <c:v>43896</c:v>
                </c:pt>
                <c:pt idx="35">
                  <c:v>43897</c:v>
                </c:pt>
                <c:pt idx="36">
                  <c:v>43898</c:v>
                </c:pt>
                <c:pt idx="37">
                  <c:v>43899</c:v>
                </c:pt>
                <c:pt idx="38">
                  <c:v>43900</c:v>
                </c:pt>
                <c:pt idx="39">
                  <c:v>43901</c:v>
                </c:pt>
                <c:pt idx="40">
                  <c:v>43902</c:v>
                </c:pt>
                <c:pt idx="41">
                  <c:v>43903</c:v>
                </c:pt>
                <c:pt idx="42">
                  <c:v>43904</c:v>
                </c:pt>
                <c:pt idx="43">
                  <c:v>43905</c:v>
                </c:pt>
                <c:pt idx="44">
                  <c:v>43906</c:v>
                </c:pt>
                <c:pt idx="45">
                  <c:v>43907</c:v>
                </c:pt>
                <c:pt idx="46">
                  <c:v>43908</c:v>
                </c:pt>
                <c:pt idx="47">
                  <c:v>43909</c:v>
                </c:pt>
                <c:pt idx="48">
                  <c:v>43910</c:v>
                </c:pt>
                <c:pt idx="49">
                  <c:v>43911</c:v>
                </c:pt>
                <c:pt idx="50">
                  <c:v>43912</c:v>
                </c:pt>
                <c:pt idx="51">
                  <c:v>43913</c:v>
                </c:pt>
                <c:pt idx="52">
                  <c:v>43914</c:v>
                </c:pt>
                <c:pt idx="53">
                  <c:v>43915</c:v>
                </c:pt>
                <c:pt idx="54">
                  <c:v>43916</c:v>
                </c:pt>
                <c:pt idx="55">
                  <c:v>43917</c:v>
                </c:pt>
                <c:pt idx="56">
                  <c:v>43918</c:v>
                </c:pt>
                <c:pt idx="57">
                  <c:v>43919</c:v>
                </c:pt>
                <c:pt idx="58">
                  <c:v>43920</c:v>
                </c:pt>
                <c:pt idx="59">
                  <c:v>43921</c:v>
                </c:pt>
                <c:pt idx="60">
                  <c:v>43922</c:v>
                </c:pt>
                <c:pt idx="61">
                  <c:v>43923</c:v>
                </c:pt>
                <c:pt idx="62">
                  <c:v>43924</c:v>
                </c:pt>
                <c:pt idx="63">
                  <c:v>43925</c:v>
                </c:pt>
                <c:pt idx="64">
                  <c:v>43926</c:v>
                </c:pt>
                <c:pt idx="65">
                  <c:v>43927</c:v>
                </c:pt>
                <c:pt idx="66">
                  <c:v>43928</c:v>
                </c:pt>
                <c:pt idx="67">
                  <c:v>43929</c:v>
                </c:pt>
                <c:pt idx="68">
                  <c:v>43930</c:v>
                </c:pt>
                <c:pt idx="69">
                  <c:v>43931</c:v>
                </c:pt>
                <c:pt idx="70">
                  <c:v>43932</c:v>
                </c:pt>
                <c:pt idx="71">
                  <c:v>43933</c:v>
                </c:pt>
                <c:pt idx="72">
                  <c:v>43934</c:v>
                </c:pt>
                <c:pt idx="73">
                  <c:v>43935</c:v>
                </c:pt>
                <c:pt idx="74">
                  <c:v>43936</c:v>
                </c:pt>
                <c:pt idx="75">
                  <c:v>43937</c:v>
                </c:pt>
                <c:pt idx="76">
                  <c:v>43938</c:v>
                </c:pt>
                <c:pt idx="77">
                  <c:v>43939</c:v>
                </c:pt>
                <c:pt idx="78">
                  <c:v>43940</c:v>
                </c:pt>
                <c:pt idx="79">
                  <c:v>43941</c:v>
                </c:pt>
                <c:pt idx="80">
                  <c:v>43942</c:v>
                </c:pt>
                <c:pt idx="81">
                  <c:v>43943</c:v>
                </c:pt>
                <c:pt idx="82">
                  <c:v>43944</c:v>
                </c:pt>
                <c:pt idx="83">
                  <c:v>43945</c:v>
                </c:pt>
                <c:pt idx="84">
                  <c:v>43946</c:v>
                </c:pt>
                <c:pt idx="85">
                  <c:v>43947</c:v>
                </c:pt>
                <c:pt idx="86">
                  <c:v>43948</c:v>
                </c:pt>
                <c:pt idx="87">
                  <c:v>43949</c:v>
                </c:pt>
                <c:pt idx="88">
                  <c:v>43950</c:v>
                </c:pt>
                <c:pt idx="89">
                  <c:v>43951</c:v>
                </c:pt>
                <c:pt idx="90">
                  <c:v>43952</c:v>
                </c:pt>
                <c:pt idx="91">
                  <c:v>43953</c:v>
                </c:pt>
                <c:pt idx="92">
                  <c:v>43954</c:v>
                </c:pt>
                <c:pt idx="93">
                  <c:v>43955</c:v>
                </c:pt>
                <c:pt idx="94">
                  <c:v>43956</c:v>
                </c:pt>
                <c:pt idx="95">
                  <c:v>43957</c:v>
                </c:pt>
                <c:pt idx="96">
                  <c:v>43958</c:v>
                </c:pt>
                <c:pt idx="97">
                  <c:v>43959</c:v>
                </c:pt>
                <c:pt idx="98">
                  <c:v>43960</c:v>
                </c:pt>
                <c:pt idx="99">
                  <c:v>43961</c:v>
                </c:pt>
                <c:pt idx="100">
                  <c:v>43962</c:v>
                </c:pt>
                <c:pt idx="101">
                  <c:v>43963</c:v>
                </c:pt>
                <c:pt idx="102">
                  <c:v>43964</c:v>
                </c:pt>
                <c:pt idx="103">
                  <c:v>43965</c:v>
                </c:pt>
                <c:pt idx="104">
                  <c:v>43966</c:v>
                </c:pt>
                <c:pt idx="105">
                  <c:v>43967</c:v>
                </c:pt>
                <c:pt idx="106">
                  <c:v>43968</c:v>
                </c:pt>
                <c:pt idx="107">
                  <c:v>43969</c:v>
                </c:pt>
                <c:pt idx="108">
                  <c:v>43970</c:v>
                </c:pt>
                <c:pt idx="109">
                  <c:v>43971</c:v>
                </c:pt>
                <c:pt idx="110">
                  <c:v>43972</c:v>
                </c:pt>
                <c:pt idx="111">
                  <c:v>43973</c:v>
                </c:pt>
                <c:pt idx="112">
                  <c:v>43974</c:v>
                </c:pt>
                <c:pt idx="113">
                  <c:v>43975</c:v>
                </c:pt>
                <c:pt idx="114">
                  <c:v>43976</c:v>
                </c:pt>
                <c:pt idx="115">
                  <c:v>43977</c:v>
                </c:pt>
                <c:pt idx="116">
                  <c:v>43978</c:v>
                </c:pt>
                <c:pt idx="117">
                  <c:v>43979</c:v>
                </c:pt>
                <c:pt idx="118">
                  <c:v>43980</c:v>
                </c:pt>
                <c:pt idx="119">
                  <c:v>43981</c:v>
                </c:pt>
                <c:pt idx="120">
                  <c:v>43982</c:v>
                </c:pt>
                <c:pt idx="121">
                  <c:v>43983</c:v>
                </c:pt>
                <c:pt idx="122">
                  <c:v>43984</c:v>
                </c:pt>
                <c:pt idx="123">
                  <c:v>43985</c:v>
                </c:pt>
                <c:pt idx="124">
                  <c:v>43986</c:v>
                </c:pt>
                <c:pt idx="125">
                  <c:v>43987</c:v>
                </c:pt>
                <c:pt idx="126">
                  <c:v>43988</c:v>
                </c:pt>
                <c:pt idx="127">
                  <c:v>43989</c:v>
                </c:pt>
                <c:pt idx="128">
                  <c:v>43990</c:v>
                </c:pt>
                <c:pt idx="129">
                  <c:v>43991</c:v>
                </c:pt>
                <c:pt idx="130">
                  <c:v>43992</c:v>
                </c:pt>
                <c:pt idx="131">
                  <c:v>43993</c:v>
                </c:pt>
                <c:pt idx="132">
                  <c:v>43994</c:v>
                </c:pt>
                <c:pt idx="133">
                  <c:v>43995</c:v>
                </c:pt>
                <c:pt idx="134">
                  <c:v>43996</c:v>
                </c:pt>
                <c:pt idx="135">
                  <c:v>43997</c:v>
                </c:pt>
                <c:pt idx="136">
                  <c:v>43998</c:v>
                </c:pt>
                <c:pt idx="137">
                  <c:v>43999</c:v>
                </c:pt>
                <c:pt idx="138">
                  <c:v>44000</c:v>
                </c:pt>
                <c:pt idx="139">
                  <c:v>44001</c:v>
                </c:pt>
                <c:pt idx="140">
                  <c:v>44002</c:v>
                </c:pt>
                <c:pt idx="141">
                  <c:v>44003</c:v>
                </c:pt>
                <c:pt idx="142">
                  <c:v>44004</c:v>
                </c:pt>
                <c:pt idx="143">
                  <c:v>44005</c:v>
                </c:pt>
                <c:pt idx="144">
                  <c:v>44006</c:v>
                </c:pt>
                <c:pt idx="145">
                  <c:v>44007</c:v>
                </c:pt>
                <c:pt idx="146">
                  <c:v>44008</c:v>
                </c:pt>
                <c:pt idx="147">
                  <c:v>44009</c:v>
                </c:pt>
                <c:pt idx="148">
                  <c:v>44010</c:v>
                </c:pt>
                <c:pt idx="149">
                  <c:v>44011</c:v>
                </c:pt>
                <c:pt idx="150">
                  <c:v>44012</c:v>
                </c:pt>
                <c:pt idx="151">
                  <c:v>44013</c:v>
                </c:pt>
                <c:pt idx="152">
                  <c:v>44014</c:v>
                </c:pt>
                <c:pt idx="153">
                  <c:v>44015</c:v>
                </c:pt>
                <c:pt idx="154">
                  <c:v>44016</c:v>
                </c:pt>
                <c:pt idx="155">
                  <c:v>44017</c:v>
                </c:pt>
                <c:pt idx="156">
                  <c:v>44018</c:v>
                </c:pt>
                <c:pt idx="157">
                  <c:v>44019</c:v>
                </c:pt>
                <c:pt idx="158">
                  <c:v>44020</c:v>
                </c:pt>
                <c:pt idx="159">
                  <c:v>44021</c:v>
                </c:pt>
                <c:pt idx="160">
                  <c:v>44022</c:v>
                </c:pt>
                <c:pt idx="161">
                  <c:v>44023</c:v>
                </c:pt>
                <c:pt idx="162">
                  <c:v>44024</c:v>
                </c:pt>
                <c:pt idx="163">
                  <c:v>44025</c:v>
                </c:pt>
                <c:pt idx="164">
                  <c:v>44026</c:v>
                </c:pt>
                <c:pt idx="165">
                  <c:v>44027</c:v>
                </c:pt>
                <c:pt idx="166">
                  <c:v>44028</c:v>
                </c:pt>
                <c:pt idx="167">
                  <c:v>44029</c:v>
                </c:pt>
                <c:pt idx="168">
                  <c:v>44030</c:v>
                </c:pt>
                <c:pt idx="169">
                  <c:v>44031</c:v>
                </c:pt>
                <c:pt idx="170">
                  <c:v>44032</c:v>
                </c:pt>
                <c:pt idx="171">
                  <c:v>44033</c:v>
                </c:pt>
                <c:pt idx="172">
                  <c:v>44034</c:v>
                </c:pt>
                <c:pt idx="173">
                  <c:v>44035</c:v>
                </c:pt>
                <c:pt idx="174">
                  <c:v>44036</c:v>
                </c:pt>
                <c:pt idx="175">
                  <c:v>44037</c:v>
                </c:pt>
                <c:pt idx="176">
                  <c:v>44038</c:v>
                </c:pt>
                <c:pt idx="177">
                  <c:v>44039</c:v>
                </c:pt>
                <c:pt idx="178">
                  <c:v>44040</c:v>
                </c:pt>
                <c:pt idx="179">
                  <c:v>44041</c:v>
                </c:pt>
                <c:pt idx="180">
                  <c:v>44042</c:v>
                </c:pt>
                <c:pt idx="181">
                  <c:v>44043</c:v>
                </c:pt>
                <c:pt idx="182">
                  <c:v>44044</c:v>
                </c:pt>
                <c:pt idx="183">
                  <c:v>44045</c:v>
                </c:pt>
                <c:pt idx="184">
                  <c:v>44046</c:v>
                </c:pt>
                <c:pt idx="185">
                  <c:v>44047</c:v>
                </c:pt>
                <c:pt idx="186">
                  <c:v>44048</c:v>
                </c:pt>
                <c:pt idx="187">
                  <c:v>44049</c:v>
                </c:pt>
                <c:pt idx="188">
                  <c:v>44050</c:v>
                </c:pt>
                <c:pt idx="189">
                  <c:v>44051</c:v>
                </c:pt>
                <c:pt idx="190">
                  <c:v>44052</c:v>
                </c:pt>
                <c:pt idx="191">
                  <c:v>44053</c:v>
                </c:pt>
                <c:pt idx="192">
                  <c:v>44054</c:v>
                </c:pt>
                <c:pt idx="193">
                  <c:v>44055</c:v>
                </c:pt>
                <c:pt idx="194">
                  <c:v>44056</c:v>
                </c:pt>
                <c:pt idx="195">
                  <c:v>44057</c:v>
                </c:pt>
                <c:pt idx="196">
                  <c:v>44058</c:v>
                </c:pt>
                <c:pt idx="197">
                  <c:v>44059</c:v>
                </c:pt>
                <c:pt idx="198">
                  <c:v>44060</c:v>
                </c:pt>
                <c:pt idx="199">
                  <c:v>44061</c:v>
                </c:pt>
                <c:pt idx="200">
                  <c:v>44062</c:v>
                </c:pt>
                <c:pt idx="201">
                  <c:v>44063</c:v>
                </c:pt>
                <c:pt idx="202">
                  <c:v>44064</c:v>
                </c:pt>
                <c:pt idx="203">
                  <c:v>44065</c:v>
                </c:pt>
                <c:pt idx="204">
                  <c:v>44066</c:v>
                </c:pt>
                <c:pt idx="205">
                  <c:v>44067</c:v>
                </c:pt>
                <c:pt idx="206">
                  <c:v>44068</c:v>
                </c:pt>
                <c:pt idx="207">
                  <c:v>44069</c:v>
                </c:pt>
                <c:pt idx="208">
                  <c:v>44070</c:v>
                </c:pt>
                <c:pt idx="209">
                  <c:v>44071</c:v>
                </c:pt>
                <c:pt idx="210">
                  <c:v>44072</c:v>
                </c:pt>
                <c:pt idx="211">
                  <c:v>44073</c:v>
                </c:pt>
                <c:pt idx="212">
                  <c:v>44074</c:v>
                </c:pt>
                <c:pt idx="213">
                  <c:v>44075</c:v>
                </c:pt>
                <c:pt idx="214">
                  <c:v>44076</c:v>
                </c:pt>
                <c:pt idx="215">
                  <c:v>44077</c:v>
                </c:pt>
                <c:pt idx="216">
                  <c:v>44078</c:v>
                </c:pt>
                <c:pt idx="217">
                  <c:v>44079</c:v>
                </c:pt>
                <c:pt idx="218">
                  <c:v>44080</c:v>
                </c:pt>
                <c:pt idx="219">
                  <c:v>44081</c:v>
                </c:pt>
                <c:pt idx="220">
                  <c:v>44082</c:v>
                </c:pt>
                <c:pt idx="221">
                  <c:v>44083</c:v>
                </c:pt>
                <c:pt idx="222">
                  <c:v>44084</c:v>
                </c:pt>
                <c:pt idx="223">
                  <c:v>44085</c:v>
                </c:pt>
                <c:pt idx="224">
                  <c:v>44086</c:v>
                </c:pt>
                <c:pt idx="225">
                  <c:v>44087</c:v>
                </c:pt>
                <c:pt idx="226">
                  <c:v>44088</c:v>
                </c:pt>
                <c:pt idx="227">
                  <c:v>44089</c:v>
                </c:pt>
                <c:pt idx="228">
                  <c:v>44090</c:v>
                </c:pt>
                <c:pt idx="229">
                  <c:v>44091</c:v>
                </c:pt>
                <c:pt idx="230">
                  <c:v>44092</c:v>
                </c:pt>
                <c:pt idx="231">
                  <c:v>44093</c:v>
                </c:pt>
                <c:pt idx="232">
                  <c:v>44094</c:v>
                </c:pt>
                <c:pt idx="233">
                  <c:v>44095</c:v>
                </c:pt>
                <c:pt idx="234">
                  <c:v>44096</c:v>
                </c:pt>
                <c:pt idx="235">
                  <c:v>44097</c:v>
                </c:pt>
                <c:pt idx="236">
                  <c:v>44098</c:v>
                </c:pt>
                <c:pt idx="237">
                  <c:v>44099</c:v>
                </c:pt>
                <c:pt idx="238">
                  <c:v>44100</c:v>
                </c:pt>
                <c:pt idx="239">
                  <c:v>44101</c:v>
                </c:pt>
                <c:pt idx="240">
                  <c:v>44102</c:v>
                </c:pt>
                <c:pt idx="241">
                  <c:v>44103</c:v>
                </c:pt>
                <c:pt idx="242">
                  <c:v>44104</c:v>
                </c:pt>
                <c:pt idx="243">
                  <c:v>44105</c:v>
                </c:pt>
                <c:pt idx="244">
                  <c:v>44106</c:v>
                </c:pt>
                <c:pt idx="245">
                  <c:v>44107</c:v>
                </c:pt>
                <c:pt idx="246">
                  <c:v>44108</c:v>
                </c:pt>
                <c:pt idx="247">
                  <c:v>44109</c:v>
                </c:pt>
                <c:pt idx="248">
                  <c:v>44110</c:v>
                </c:pt>
                <c:pt idx="249">
                  <c:v>44111</c:v>
                </c:pt>
                <c:pt idx="250">
                  <c:v>44112</c:v>
                </c:pt>
                <c:pt idx="251">
                  <c:v>44113</c:v>
                </c:pt>
                <c:pt idx="252">
                  <c:v>44114</c:v>
                </c:pt>
                <c:pt idx="253">
                  <c:v>44115</c:v>
                </c:pt>
                <c:pt idx="254">
                  <c:v>44116</c:v>
                </c:pt>
                <c:pt idx="255">
                  <c:v>44117</c:v>
                </c:pt>
                <c:pt idx="256">
                  <c:v>44118</c:v>
                </c:pt>
                <c:pt idx="257">
                  <c:v>44119</c:v>
                </c:pt>
                <c:pt idx="258">
                  <c:v>44120</c:v>
                </c:pt>
                <c:pt idx="259">
                  <c:v>44121</c:v>
                </c:pt>
                <c:pt idx="260">
                  <c:v>44122</c:v>
                </c:pt>
                <c:pt idx="261">
                  <c:v>44123</c:v>
                </c:pt>
                <c:pt idx="262">
                  <c:v>44124</c:v>
                </c:pt>
                <c:pt idx="263">
                  <c:v>44125</c:v>
                </c:pt>
                <c:pt idx="264">
                  <c:v>44126</c:v>
                </c:pt>
                <c:pt idx="265">
                  <c:v>44127</c:v>
                </c:pt>
                <c:pt idx="266">
                  <c:v>44128</c:v>
                </c:pt>
                <c:pt idx="267">
                  <c:v>44129</c:v>
                </c:pt>
                <c:pt idx="268">
                  <c:v>44130</c:v>
                </c:pt>
                <c:pt idx="269">
                  <c:v>44131</c:v>
                </c:pt>
                <c:pt idx="270">
                  <c:v>44132</c:v>
                </c:pt>
                <c:pt idx="271">
                  <c:v>44133</c:v>
                </c:pt>
                <c:pt idx="272">
                  <c:v>44134</c:v>
                </c:pt>
                <c:pt idx="273">
                  <c:v>44135</c:v>
                </c:pt>
                <c:pt idx="274">
                  <c:v>44136</c:v>
                </c:pt>
                <c:pt idx="275">
                  <c:v>44137</c:v>
                </c:pt>
                <c:pt idx="276">
                  <c:v>44138</c:v>
                </c:pt>
                <c:pt idx="277">
                  <c:v>44139</c:v>
                </c:pt>
                <c:pt idx="278">
                  <c:v>44140</c:v>
                </c:pt>
                <c:pt idx="279">
                  <c:v>44141</c:v>
                </c:pt>
                <c:pt idx="280">
                  <c:v>44142</c:v>
                </c:pt>
                <c:pt idx="281">
                  <c:v>44143</c:v>
                </c:pt>
                <c:pt idx="282">
                  <c:v>44144</c:v>
                </c:pt>
                <c:pt idx="283">
                  <c:v>44145</c:v>
                </c:pt>
                <c:pt idx="284">
                  <c:v>44146</c:v>
                </c:pt>
                <c:pt idx="285">
                  <c:v>44147</c:v>
                </c:pt>
                <c:pt idx="286">
                  <c:v>44148</c:v>
                </c:pt>
                <c:pt idx="287">
                  <c:v>44149</c:v>
                </c:pt>
                <c:pt idx="288">
                  <c:v>44150</c:v>
                </c:pt>
                <c:pt idx="289">
                  <c:v>44151</c:v>
                </c:pt>
                <c:pt idx="290">
                  <c:v>44152</c:v>
                </c:pt>
                <c:pt idx="291">
                  <c:v>44153</c:v>
                </c:pt>
                <c:pt idx="292">
                  <c:v>44154</c:v>
                </c:pt>
                <c:pt idx="293">
                  <c:v>44155</c:v>
                </c:pt>
                <c:pt idx="294">
                  <c:v>44156</c:v>
                </c:pt>
                <c:pt idx="295">
                  <c:v>44157</c:v>
                </c:pt>
                <c:pt idx="296">
                  <c:v>44158</c:v>
                </c:pt>
                <c:pt idx="297">
                  <c:v>44159</c:v>
                </c:pt>
                <c:pt idx="298">
                  <c:v>44160</c:v>
                </c:pt>
                <c:pt idx="299">
                  <c:v>44161</c:v>
                </c:pt>
                <c:pt idx="300">
                  <c:v>44162</c:v>
                </c:pt>
                <c:pt idx="301">
                  <c:v>44163</c:v>
                </c:pt>
                <c:pt idx="302">
                  <c:v>44164</c:v>
                </c:pt>
                <c:pt idx="303">
                  <c:v>44165</c:v>
                </c:pt>
                <c:pt idx="304">
                  <c:v>44166</c:v>
                </c:pt>
                <c:pt idx="305">
                  <c:v>44167</c:v>
                </c:pt>
                <c:pt idx="306">
                  <c:v>44168</c:v>
                </c:pt>
                <c:pt idx="307">
                  <c:v>44169</c:v>
                </c:pt>
                <c:pt idx="308">
                  <c:v>44170</c:v>
                </c:pt>
                <c:pt idx="309">
                  <c:v>44171</c:v>
                </c:pt>
                <c:pt idx="310">
                  <c:v>44172</c:v>
                </c:pt>
                <c:pt idx="311">
                  <c:v>44173</c:v>
                </c:pt>
                <c:pt idx="312">
                  <c:v>44174</c:v>
                </c:pt>
                <c:pt idx="313">
                  <c:v>44175</c:v>
                </c:pt>
                <c:pt idx="314">
                  <c:v>44176</c:v>
                </c:pt>
                <c:pt idx="315">
                  <c:v>44177</c:v>
                </c:pt>
                <c:pt idx="316">
                  <c:v>44178</c:v>
                </c:pt>
                <c:pt idx="317">
                  <c:v>44179</c:v>
                </c:pt>
                <c:pt idx="318">
                  <c:v>44180</c:v>
                </c:pt>
                <c:pt idx="319">
                  <c:v>44181</c:v>
                </c:pt>
                <c:pt idx="320">
                  <c:v>44182</c:v>
                </c:pt>
                <c:pt idx="321">
                  <c:v>44183</c:v>
                </c:pt>
                <c:pt idx="322">
                  <c:v>44184</c:v>
                </c:pt>
                <c:pt idx="323">
                  <c:v>44185</c:v>
                </c:pt>
                <c:pt idx="324">
                  <c:v>44186</c:v>
                </c:pt>
                <c:pt idx="325">
                  <c:v>44187</c:v>
                </c:pt>
                <c:pt idx="326">
                  <c:v>44188</c:v>
                </c:pt>
                <c:pt idx="327">
                  <c:v>44189</c:v>
                </c:pt>
                <c:pt idx="328">
                  <c:v>44190</c:v>
                </c:pt>
                <c:pt idx="329">
                  <c:v>44191</c:v>
                </c:pt>
                <c:pt idx="330">
                  <c:v>44192</c:v>
                </c:pt>
                <c:pt idx="331">
                  <c:v>44193</c:v>
                </c:pt>
                <c:pt idx="332">
                  <c:v>44194</c:v>
                </c:pt>
                <c:pt idx="333">
                  <c:v>44195</c:v>
                </c:pt>
                <c:pt idx="334">
                  <c:v>44196</c:v>
                </c:pt>
                <c:pt idx="335">
                  <c:v>44197</c:v>
                </c:pt>
                <c:pt idx="336">
                  <c:v>44198</c:v>
                </c:pt>
                <c:pt idx="337">
                  <c:v>44199</c:v>
                </c:pt>
                <c:pt idx="338">
                  <c:v>44200</c:v>
                </c:pt>
                <c:pt idx="339">
                  <c:v>44201</c:v>
                </c:pt>
                <c:pt idx="340">
                  <c:v>44202</c:v>
                </c:pt>
                <c:pt idx="341">
                  <c:v>44203</c:v>
                </c:pt>
                <c:pt idx="342">
                  <c:v>44204</c:v>
                </c:pt>
                <c:pt idx="343">
                  <c:v>44205</c:v>
                </c:pt>
                <c:pt idx="344">
                  <c:v>44206</c:v>
                </c:pt>
                <c:pt idx="345">
                  <c:v>44207</c:v>
                </c:pt>
                <c:pt idx="346">
                  <c:v>44208</c:v>
                </c:pt>
                <c:pt idx="347">
                  <c:v>44209</c:v>
                </c:pt>
                <c:pt idx="348">
                  <c:v>44210</c:v>
                </c:pt>
                <c:pt idx="349">
                  <c:v>44211</c:v>
                </c:pt>
                <c:pt idx="350">
                  <c:v>44212</c:v>
                </c:pt>
                <c:pt idx="351">
                  <c:v>44213</c:v>
                </c:pt>
                <c:pt idx="352">
                  <c:v>44214</c:v>
                </c:pt>
                <c:pt idx="353">
                  <c:v>44215</c:v>
                </c:pt>
                <c:pt idx="354">
                  <c:v>44216</c:v>
                </c:pt>
                <c:pt idx="355">
                  <c:v>44217</c:v>
                </c:pt>
                <c:pt idx="356">
                  <c:v>44218</c:v>
                </c:pt>
                <c:pt idx="357">
                  <c:v>44219</c:v>
                </c:pt>
                <c:pt idx="358">
                  <c:v>44220</c:v>
                </c:pt>
                <c:pt idx="359">
                  <c:v>44221</c:v>
                </c:pt>
                <c:pt idx="360">
                  <c:v>44222</c:v>
                </c:pt>
                <c:pt idx="361">
                  <c:v>44223</c:v>
                </c:pt>
                <c:pt idx="362">
                  <c:v>44224</c:v>
                </c:pt>
                <c:pt idx="363">
                  <c:v>44225</c:v>
                </c:pt>
                <c:pt idx="364">
                  <c:v>44226</c:v>
                </c:pt>
                <c:pt idx="365">
                  <c:v>44227</c:v>
                </c:pt>
                <c:pt idx="366">
                  <c:v>44228</c:v>
                </c:pt>
                <c:pt idx="367">
                  <c:v>44229</c:v>
                </c:pt>
                <c:pt idx="368">
                  <c:v>44230</c:v>
                </c:pt>
                <c:pt idx="369">
                  <c:v>44231</c:v>
                </c:pt>
                <c:pt idx="370">
                  <c:v>44232</c:v>
                </c:pt>
                <c:pt idx="371">
                  <c:v>44233</c:v>
                </c:pt>
                <c:pt idx="372">
                  <c:v>44234</c:v>
                </c:pt>
                <c:pt idx="373">
                  <c:v>44235</c:v>
                </c:pt>
                <c:pt idx="374">
                  <c:v>44236</c:v>
                </c:pt>
                <c:pt idx="375">
                  <c:v>44237</c:v>
                </c:pt>
                <c:pt idx="376">
                  <c:v>44238</c:v>
                </c:pt>
                <c:pt idx="377">
                  <c:v>44239</c:v>
                </c:pt>
                <c:pt idx="378">
                  <c:v>44240</c:v>
                </c:pt>
                <c:pt idx="379">
                  <c:v>44241</c:v>
                </c:pt>
                <c:pt idx="380">
                  <c:v>44242</c:v>
                </c:pt>
                <c:pt idx="381">
                  <c:v>44243</c:v>
                </c:pt>
                <c:pt idx="382">
                  <c:v>44244</c:v>
                </c:pt>
                <c:pt idx="383">
                  <c:v>44245</c:v>
                </c:pt>
                <c:pt idx="384">
                  <c:v>44246</c:v>
                </c:pt>
                <c:pt idx="385">
                  <c:v>44247</c:v>
                </c:pt>
                <c:pt idx="386">
                  <c:v>44248</c:v>
                </c:pt>
                <c:pt idx="387">
                  <c:v>44249</c:v>
                </c:pt>
                <c:pt idx="388">
                  <c:v>44250</c:v>
                </c:pt>
                <c:pt idx="389">
                  <c:v>44251</c:v>
                </c:pt>
                <c:pt idx="390">
                  <c:v>44252</c:v>
                </c:pt>
                <c:pt idx="391">
                  <c:v>44253</c:v>
                </c:pt>
                <c:pt idx="392">
                  <c:v>44254</c:v>
                </c:pt>
                <c:pt idx="393">
                  <c:v>44255</c:v>
                </c:pt>
                <c:pt idx="394">
                  <c:v>44256</c:v>
                </c:pt>
                <c:pt idx="395">
                  <c:v>44257</c:v>
                </c:pt>
                <c:pt idx="396">
                  <c:v>44258</c:v>
                </c:pt>
                <c:pt idx="397">
                  <c:v>44259</c:v>
                </c:pt>
                <c:pt idx="398">
                  <c:v>44260</c:v>
                </c:pt>
                <c:pt idx="399">
                  <c:v>44261</c:v>
                </c:pt>
                <c:pt idx="400">
                  <c:v>44262</c:v>
                </c:pt>
                <c:pt idx="401">
                  <c:v>44263</c:v>
                </c:pt>
                <c:pt idx="402">
                  <c:v>44264</c:v>
                </c:pt>
                <c:pt idx="403">
                  <c:v>44265</c:v>
                </c:pt>
                <c:pt idx="404">
                  <c:v>44266</c:v>
                </c:pt>
                <c:pt idx="405">
                  <c:v>44267</c:v>
                </c:pt>
                <c:pt idx="406">
                  <c:v>44268</c:v>
                </c:pt>
                <c:pt idx="407">
                  <c:v>44269</c:v>
                </c:pt>
                <c:pt idx="408">
                  <c:v>44270</c:v>
                </c:pt>
                <c:pt idx="409">
                  <c:v>44271</c:v>
                </c:pt>
                <c:pt idx="410">
                  <c:v>44272</c:v>
                </c:pt>
                <c:pt idx="411">
                  <c:v>44273</c:v>
                </c:pt>
                <c:pt idx="412">
                  <c:v>44274</c:v>
                </c:pt>
                <c:pt idx="413">
                  <c:v>44275</c:v>
                </c:pt>
                <c:pt idx="414">
                  <c:v>44276</c:v>
                </c:pt>
                <c:pt idx="415">
                  <c:v>44277</c:v>
                </c:pt>
                <c:pt idx="416">
                  <c:v>44278</c:v>
                </c:pt>
                <c:pt idx="417">
                  <c:v>44279</c:v>
                </c:pt>
                <c:pt idx="418">
                  <c:v>44280</c:v>
                </c:pt>
                <c:pt idx="419">
                  <c:v>44281</c:v>
                </c:pt>
                <c:pt idx="420">
                  <c:v>44282</c:v>
                </c:pt>
                <c:pt idx="421">
                  <c:v>44283</c:v>
                </c:pt>
                <c:pt idx="422">
                  <c:v>44284</c:v>
                </c:pt>
                <c:pt idx="423">
                  <c:v>44285</c:v>
                </c:pt>
                <c:pt idx="424">
                  <c:v>44286</c:v>
                </c:pt>
                <c:pt idx="425">
                  <c:v>44287</c:v>
                </c:pt>
                <c:pt idx="426">
                  <c:v>44288</c:v>
                </c:pt>
                <c:pt idx="427">
                  <c:v>44289</c:v>
                </c:pt>
                <c:pt idx="428">
                  <c:v>44290</c:v>
                </c:pt>
                <c:pt idx="429">
                  <c:v>44291</c:v>
                </c:pt>
                <c:pt idx="430">
                  <c:v>44292</c:v>
                </c:pt>
                <c:pt idx="431">
                  <c:v>44293</c:v>
                </c:pt>
                <c:pt idx="432">
                  <c:v>44294</c:v>
                </c:pt>
                <c:pt idx="433">
                  <c:v>44295</c:v>
                </c:pt>
                <c:pt idx="434">
                  <c:v>44296</c:v>
                </c:pt>
                <c:pt idx="435">
                  <c:v>44297</c:v>
                </c:pt>
                <c:pt idx="436">
                  <c:v>44298</c:v>
                </c:pt>
                <c:pt idx="437">
                  <c:v>44299</c:v>
                </c:pt>
                <c:pt idx="438">
                  <c:v>44300</c:v>
                </c:pt>
                <c:pt idx="439">
                  <c:v>44301</c:v>
                </c:pt>
                <c:pt idx="440">
                  <c:v>44302</c:v>
                </c:pt>
                <c:pt idx="441">
                  <c:v>44303</c:v>
                </c:pt>
                <c:pt idx="442">
                  <c:v>44304</c:v>
                </c:pt>
                <c:pt idx="443">
                  <c:v>44305</c:v>
                </c:pt>
                <c:pt idx="444">
                  <c:v>44306</c:v>
                </c:pt>
                <c:pt idx="445">
                  <c:v>44307</c:v>
                </c:pt>
                <c:pt idx="446">
                  <c:v>44308</c:v>
                </c:pt>
                <c:pt idx="447">
                  <c:v>44309</c:v>
                </c:pt>
                <c:pt idx="448">
                  <c:v>44310</c:v>
                </c:pt>
                <c:pt idx="449">
                  <c:v>44311</c:v>
                </c:pt>
                <c:pt idx="450">
                  <c:v>44312</c:v>
                </c:pt>
                <c:pt idx="451">
                  <c:v>44313</c:v>
                </c:pt>
                <c:pt idx="452">
                  <c:v>44314</c:v>
                </c:pt>
                <c:pt idx="453">
                  <c:v>44315</c:v>
                </c:pt>
                <c:pt idx="454">
                  <c:v>44316</c:v>
                </c:pt>
                <c:pt idx="455">
                  <c:v>44317</c:v>
                </c:pt>
                <c:pt idx="456">
                  <c:v>44318</c:v>
                </c:pt>
                <c:pt idx="457">
                  <c:v>44319</c:v>
                </c:pt>
                <c:pt idx="458">
                  <c:v>44320</c:v>
                </c:pt>
                <c:pt idx="459">
                  <c:v>44321</c:v>
                </c:pt>
                <c:pt idx="460">
                  <c:v>44322</c:v>
                </c:pt>
                <c:pt idx="461">
                  <c:v>44323</c:v>
                </c:pt>
                <c:pt idx="462">
                  <c:v>44324</c:v>
                </c:pt>
                <c:pt idx="463">
                  <c:v>44325</c:v>
                </c:pt>
                <c:pt idx="464">
                  <c:v>44326</c:v>
                </c:pt>
                <c:pt idx="465">
                  <c:v>44327</c:v>
                </c:pt>
                <c:pt idx="466">
                  <c:v>44328</c:v>
                </c:pt>
                <c:pt idx="467">
                  <c:v>44329</c:v>
                </c:pt>
                <c:pt idx="468">
                  <c:v>44330</c:v>
                </c:pt>
                <c:pt idx="469">
                  <c:v>44331</c:v>
                </c:pt>
                <c:pt idx="470">
                  <c:v>44332</c:v>
                </c:pt>
                <c:pt idx="471">
                  <c:v>44333</c:v>
                </c:pt>
                <c:pt idx="472">
                  <c:v>44334</c:v>
                </c:pt>
                <c:pt idx="473">
                  <c:v>44335</c:v>
                </c:pt>
                <c:pt idx="474">
                  <c:v>44336</c:v>
                </c:pt>
                <c:pt idx="475">
                  <c:v>44337</c:v>
                </c:pt>
                <c:pt idx="476">
                  <c:v>44338</c:v>
                </c:pt>
                <c:pt idx="477">
                  <c:v>44339</c:v>
                </c:pt>
                <c:pt idx="478">
                  <c:v>44340</c:v>
                </c:pt>
                <c:pt idx="479">
                  <c:v>44341</c:v>
                </c:pt>
                <c:pt idx="480">
                  <c:v>44342</c:v>
                </c:pt>
                <c:pt idx="481">
                  <c:v>44343</c:v>
                </c:pt>
                <c:pt idx="482">
                  <c:v>44344</c:v>
                </c:pt>
                <c:pt idx="483">
                  <c:v>44345</c:v>
                </c:pt>
                <c:pt idx="484">
                  <c:v>44346</c:v>
                </c:pt>
                <c:pt idx="485">
                  <c:v>44347</c:v>
                </c:pt>
                <c:pt idx="486">
                  <c:v>44348</c:v>
                </c:pt>
                <c:pt idx="487">
                  <c:v>44349</c:v>
                </c:pt>
                <c:pt idx="488">
                  <c:v>44350</c:v>
                </c:pt>
                <c:pt idx="489">
                  <c:v>44351</c:v>
                </c:pt>
                <c:pt idx="490">
                  <c:v>44352</c:v>
                </c:pt>
                <c:pt idx="491">
                  <c:v>44353</c:v>
                </c:pt>
                <c:pt idx="492">
                  <c:v>44354</c:v>
                </c:pt>
                <c:pt idx="493">
                  <c:v>44355</c:v>
                </c:pt>
                <c:pt idx="494">
                  <c:v>44356</c:v>
                </c:pt>
                <c:pt idx="495">
                  <c:v>44357</c:v>
                </c:pt>
                <c:pt idx="496">
                  <c:v>44358</c:v>
                </c:pt>
                <c:pt idx="497">
                  <c:v>44359</c:v>
                </c:pt>
                <c:pt idx="498">
                  <c:v>44360</c:v>
                </c:pt>
                <c:pt idx="499">
                  <c:v>44361</c:v>
                </c:pt>
                <c:pt idx="500">
                  <c:v>44362</c:v>
                </c:pt>
                <c:pt idx="501">
                  <c:v>44363</c:v>
                </c:pt>
                <c:pt idx="502">
                  <c:v>44364</c:v>
                </c:pt>
                <c:pt idx="503">
                  <c:v>44365</c:v>
                </c:pt>
                <c:pt idx="504">
                  <c:v>44366</c:v>
                </c:pt>
                <c:pt idx="505">
                  <c:v>44367</c:v>
                </c:pt>
                <c:pt idx="506">
                  <c:v>44368</c:v>
                </c:pt>
                <c:pt idx="507">
                  <c:v>44369</c:v>
                </c:pt>
                <c:pt idx="508">
                  <c:v>44370</c:v>
                </c:pt>
                <c:pt idx="509">
                  <c:v>44371</c:v>
                </c:pt>
                <c:pt idx="510">
                  <c:v>44372</c:v>
                </c:pt>
                <c:pt idx="511">
                  <c:v>44373</c:v>
                </c:pt>
                <c:pt idx="512">
                  <c:v>44374</c:v>
                </c:pt>
                <c:pt idx="513">
                  <c:v>44375</c:v>
                </c:pt>
                <c:pt idx="514">
                  <c:v>44376</c:v>
                </c:pt>
                <c:pt idx="515">
                  <c:v>44377</c:v>
                </c:pt>
                <c:pt idx="516">
                  <c:v>44378</c:v>
                </c:pt>
                <c:pt idx="517">
                  <c:v>44379</c:v>
                </c:pt>
                <c:pt idx="518">
                  <c:v>44380</c:v>
                </c:pt>
                <c:pt idx="519">
                  <c:v>44381</c:v>
                </c:pt>
                <c:pt idx="520">
                  <c:v>44382</c:v>
                </c:pt>
                <c:pt idx="521">
                  <c:v>44383</c:v>
                </c:pt>
                <c:pt idx="522">
                  <c:v>44384</c:v>
                </c:pt>
                <c:pt idx="523">
                  <c:v>44385</c:v>
                </c:pt>
                <c:pt idx="524">
                  <c:v>44386</c:v>
                </c:pt>
                <c:pt idx="525">
                  <c:v>44387</c:v>
                </c:pt>
                <c:pt idx="526">
                  <c:v>44388</c:v>
                </c:pt>
                <c:pt idx="527">
                  <c:v>44389</c:v>
                </c:pt>
                <c:pt idx="528">
                  <c:v>44390</c:v>
                </c:pt>
                <c:pt idx="529">
                  <c:v>44391</c:v>
                </c:pt>
                <c:pt idx="530">
                  <c:v>44392</c:v>
                </c:pt>
                <c:pt idx="531">
                  <c:v>44393</c:v>
                </c:pt>
                <c:pt idx="532">
                  <c:v>44394</c:v>
                </c:pt>
                <c:pt idx="533">
                  <c:v>44395</c:v>
                </c:pt>
                <c:pt idx="534">
                  <c:v>44396</c:v>
                </c:pt>
                <c:pt idx="535">
                  <c:v>44397</c:v>
                </c:pt>
                <c:pt idx="536">
                  <c:v>44398</c:v>
                </c:pt>
                <c:pt idx="537">
                  <c:v>44399</c:v>
                </c:pt>
                <c:pt idx="538">
                  <c:v>44400</c:v>
                </c:pt>
                <c:pt idx="539">
                  <c:v>44401</c:v>
                </c:pt>
                <c:pt idx="540">
                  <c:v>44402</c:v>
                </c:pt>
                <c:pt idx="541">
                  <c:v>44403</c:v>
                </c:pt>
                <c:pt idx="542">
                  <c:v>44404</c:v>
                </c:pt>
                <c:pt idx="543">
                  <c:v>44405</c:v>
                </c:pt>
                <c:pt idx="544">
                  <c:v>44406</c:v>
                </c:pt>
                <c:pt idx="545">
                  <c:v>44407</c:v>
                </c:pt>
                <c:pt idx="546">
                  <c:v>44408</c:v>
                </c:pt>
                <c:pt idx="547">
                  <c:v>44409</c:v>
                </c:pt>
                <c:pt idx="548">
                  <c:v>44410</c:v>
                </c:pt>
                <c:pt idx="549">
                  <c:v>44411</c:v>
                </c:pt>
                <c:pt idx="550">
                  <c:v>44412</c:v>
                </c:pt>
                <c:pt idx="551">
                  <c:v>44413</c:v>
                </c:pt>
                <c:pt idx="552">
                  <c:v>44414</c:v>
                </c:pt>
                <c:pt idx="553">
                  <c:v>44415</c:v>
                </c:pt>
                <c:pt idx="554">
                  <c:v>44416</c:v>
                </c:pt>
                <c:pt idx="555">
                  <c:v>44417</c:v>
                </c:pt>
                <c:pt idx="556">
                  <c:v>44418</c:v>
                </c:pt>
                <c:pt idx="557">
                  <c:v>44419</c:v>
                </c:pt>
                <c:pt idx="558">
                  <c:v>44420</c:v>
                </c:pt>
                <c:pt idx="559">
                  <c:v>44421</c:v>
                </c:pt>
                <c:pt idx="560">
                  <c:v>44422</c:v>
                </c:pt>
                <c:pt idx="561">
                  <c:v>44423</c:v>
                </c:pt>
                <c:pt idx="562">
                  <c:v>44424</c:v>
                </c:pt>
                <c:pt idx="563">
                  <c:v>44425</c:v>
                </c:pt>
                <c:pt idx="564">
                  <c:v>44426</c:v>
                </c:pt>
                <c:pt idx="565">
                  <c:v>44427</c:v>
                </c:pt>
                <c:pt idx="566">
                  <c:v>44428</c:v>
                </c:pt>
                <c:pt idx="567">
                  <c:v>44429</c:v>
                </c:pt>
                <c:pt idx="568">
                  <c:v>44430</c:v>
                </c:pt>
                <c:pt idx="569">
                  <c:v>44431</c:v>
                </c:pt>
                <c:pt idx="570">
                  <c:v>44432</c:v>
                </c:pt>
                <c:pt idx="571">
                  <c:v>44433</c:v>
                </c:pt>
                <c:pt idx="572">
                  <c:v>44434</c:v>
                </c:pt>
                <c:pt idx="573">
                  <c:v>44435</c:v>
                </c:pt>
                <c:pt idx="574">
                  <c:v>44436</c:v>
                </c:pt>
                <c:pt idx="575">
                  <c:v>44437</c:v>
                </c:pt>
                <c:pt idx="576">
                  <c:v>44438</c:v>
                </c:pt>
                <c:pt idx="577">
                  <c:v>44439</c:v>
                </c:pt>
                <c:pt idx="578">
                  <c:v>44440</c:v>
                </c:pt>
                <c:pt idx="579">
                  <c:v>44441</c:v>
                </c:pt>
                <c:pt idx="580">
                  <c:v>44442</c:v>
                </c:pt>
                <c:pt idx="581">
                  <c:v>44443</c:v>
                </c:pt>
                <c:pt idx="582">
                  <c:v>44444</c:v>
                </c:pt>
                <c:pt idx="583">
                  <c:v>44445</c:v>
                </c:pt>
                <c:pt idx="584">
                  <c:v>44446</c:v>
                </c:pt>
                <c:pt idx="585">
                  <c:v>44447</c:v>
                </c:pt>
                <c:pt idx="586">
                  <c:v>44448</c:v>
                </c:pt>
                <c:pt idx="587">
                  <c:v>44449</c:v>
                </c:pt>
                <c:pt idx="588">
                  <c:v>44450</c:v>
                </c:pt>
                <c:pt idx="589">
                  <c:v>44451</c:v>
                </c:pt>
                <c:pt idx="590">
                  <c:v>44452</c:v>
                </c:pt>
                <c:pt idx="591">
                  <c:v>44453</c:v>
                </c:pt>
                <c:pt idx="592">
                  <c:v>44454</c:v>
                </c:pt>
                <c:pt idx="593">
                  <c:v>44455</c:v>
                </c:pt>
                <c:pt idx="594">
                  <c:v>44456</c:v>
                </c:pt>
                <c:pt idx="595">
                  <c:v>44457</c:v>
                </c:pt>
                <c:pt idx="596">
                  <c:v>44458</c:v>
                </c:pt>
                <c:pt idx="597">
                  <c:v>44459</c:v>
                </c:pt>
                <c:pt idx="598">
                  <c:v>44460</c:v>
                </c:pt>
                <c:pt idx="599">
                  <c:v>44461</c:v>
                </c:pt>
                <c:pt idx="600">
                  <c:v>44462</c:v>
                </c:pt>
                <c:pt idx="601">
                  <c:v>44463</c:v>
                </c:pt>
                <c:pt idx="602">
                  <c:v>44464</c:v>
                </c:pt>
                <c:pt idx="603">
                  <c:v>44465</c:v>
                </c:pt>
                <c:pt idx="604">
                  <c:v>44466</c:v>
                </c:pt>
                <c:pt idx="605">
                  <c:v>44467</c:v>
                </c:pt>
                <c:pt idx="606">
                  <c:v>44468</c:v>
                </c:pt>
                <c:pt idx="607">
                  <c:v>44469</c:v>
                </c:pt>
                <c:pt idx="608">
                  <c:v>44470</c:v>
                </c:pt>
                <c:pt idx="609">
                  <c:v>44471</c:v>
                </c:pt>
                <c:pt idx="610">
                  <c:v>44472</c:v>
                </c:pt>
                <c:pt idx="611">
                  <c:v>44473</c:v>
                </c:pt>
                <c:pt idx="612">
                  <c:v>44474</c:v>
                </c:pt>
              </c:numCache>
            </c:numRef>
          </c:cat>
          <c:val>
            <c:numRef>
              <c:f>'owid-covid-data'!$S$2:$S$121540</c:f>
              <c:numCache>
                <c:formatCode>General</c:formatCode>
                <c:ptCount val="613"/>
                <c:pt idx="26">
                  <c:v>0</c:v>
                </c:pt>
                <c:pt idx="27">
                  <c:v>0</c:v>
                </c:pt>
                <c:pt idx="28">
                  <c:v>0</c:v>
                </c:pt>
                <c:pt idx="29">
                  <c:v>0</c:v>
                </c:pt>
                <c:pt idx="30">
                  <c:v>0</c:v>
                </c:pt>
                <c:pt idx="31">
                  <c:v>0</c:v>
                </c:pt>
                <c:pt idx="32">
                  <c:v>0</c:v>
                </c:pt>
                <c:pt idx="33">
                  <c:v>0</c:v>
                </c:pt>
                <c:pt idx="34">
                  <c:v>0</c:v>
                </c:pt>
                <c:pt idx="35">
                  <c:v>0</c:v>
                </c:pt>
                <c:pt idx="36">
                  <c:v>0</c:v>
                </c:pt>
                <c:pt idx="37">
                  <c:v>0</c:v>
                </c:pt>
                <c:pt idx="38">
                  <c:v>0</c:v>
                </c:pt>
                <c:pt idx="39">
                  <c:v>0</c:v>
                </c:pt>
                <c:pt idx="40">
                  <c:v>0</c:v>
                </c:pt>
                <c:pt idx="41">
                  <c:v>0</c:v>
                </c:pt>
                <c:pt idx="42">
                  <c:v>9.8000000000000004E-2</c:v>
                </c:pt>
                <c:pt idx="43">
                  <c:v>0.19700000000000001</c:v>
                </c:pt>
                <c:pt idx="44">
                  <c:v>0.29499999999999998</c:v>
                </c:pt>
                <c:pt idx="45">
                  <c:v>0.29499999999999998</c:v>
                </c:pt>
                <c:pt idx="46">
                  <c:v>0.68899999999999995</c:v>
                </c:pt>
                <c:pt idx="47">
                  <c:v>3.0510000000000002</c:v>
                </c:pt>
                <c:pt idx="48">
                  <c:v>3.4449999999999998</c:v>
                </c:pt>
                <c:pt idx="49">
                  <c:v>5.5119999999999996</c:v>
                </c:pt>
                <c:pt idx="50">
                  <c:v>6.1020000000000003</c:v>
                </c:pt>
                <c:pt idx="51">
                  <c:v>9.2520000000000007</c:v>
                </c:pt>
                <c:pt idx="52">
                  <c:v>10.433</c:v>
                </c:pt>
                <c:pt idx="53">
                  <c:v>12.992000000000001</c:v>
                </c:pt>
                <c:pt idx="54">
                  <c:v>15.846</c:v>
                </c:pt>
                <c:pt idx="55">
                  <c:v>18.405000000000001</c:v>
                </c:pt>
                <c:pt idx="56">
                  <c:v>19.585999999999999</c:v>
                </c:pt>
                <c:pt idx="57">
                  <c:v>21.751999999999999</c:v>
                </c:pt>
                <c:pt idx="58">
                  <c:v>25.786999999999999</c:v>
                </c:pt>
                <c:pt idx="59">
                  <c:v>29.33</c:v>
                </c:pt>
                <c:pt idx="60">
                  <c:v>31.003</c:v>
                </c:pt>
                <c:pt idx="61">
                  <c:v>33.661000000000001</c:v>
                </c:pt>
                <c:pt idx="62">
                  <c:v>35.530999999999999</c:v>
                </c:pt>
                <c:pt idx="63">
                  <c:v>37.204000000000001</c:v>
                </c:pt>
                <c:pt idx="64">
                  <c:v>39.762999999999998</c:v>
                </c:pt>
                <c:pt idx="65">
                  <c:v>41.534999999999997</c:v>
                </c:pt>
                <c:pt idx="66">
                  <c:v>42.716000000000001</c:v>
                </c:pt>
                <c:pt idx="67">
                  <c:v>44.683999999999997</c:v>
                </c:pt>
                <c:pt idx="68">
                  <c:v>45.767000000000003</c:v>
                </c:pt>
                <c:pt idx="69">
                  <c:v>47.44</c:v>
                </c:pt>
                <c:pt idx="70">
                  <c:v>48.621000000000002</c:v>
                </c:pt>
                <c:pt idx="71">
                  <c:v>49.606000000000002</c:v>
                </c:pt>
                <c:pt idx="72">
                  <c:v>50.884999999999998</c:v>
                </c:pt>
                <c:pt idx="73">
                  <c:v>50.982999999999997</c:v>
                </c:pt>
                <c:pt idx="74">
                  <c:v>51.771000000000001</c:v>
                </c:pt>
                <c:pt idx="75">
                  <c:v>51.377000000000002</c:v>
                </c:pt>
                <c:pt idx="76">
                  <c:v>50.786999999999999</c:v>
                </c:pt>
                <c:pt idx="77">
                  <c:v>51.771000000000001</c:v>
                </c:pt>
                <c:pt idx="78">
                  <c:v>50.491</c:v>
                </c:pt>
                <c:pt idx="79">
                  <c:v>53.05</c:v>
                </c:pt>
                <c:pt idx="80">
                  <c:v>51.18</c:v>
                </c:pt>
                <c:pt idx="81">
                  <c:v>50.688000000000002</c:v>
                </c:pt>
                <c:pt idx="82">
                  <c:v>53.05</c:v>
                </c:pt>
                <c:pt idx="83">
                  <c:v>52.853999999999999</c:v>
                </c:pt>
                <c:pt idx="84">
                  <c:v>54.231000000000002</c:v>
                </c:pt>
                <c:pt idx="85">
                  <c:v>53.345999999999997</c:v>
                </c:pt>
                <c:pt idx="86">
                  <c:v>52.46</c:v>
                </c:pt>
                <c:pt idx="87">
                  <c:v>52.066000000000003</c:v>
                </c:pt>
                <c:pt idx="88">
                  <c:v>53.247</c:v>
                </c:pt>
                <c:pt idx="89">
                  <c:v>51.279000000000003</c:v>
                </c:pt>
                <c:pt idx="90">
                  <c:v>50.982999999999997</c:v>
                </c:pt>
                <c:pt idx="91">
                  <c:v>50.982999999999997</c:v>
                </c:pt>
                <c:pt idx="92">
                  <c:v>50.393000000000001</c:v>
                </c:pt>
                <c:pt idx="93">
                  <c:v>50.293999999999997</c:v>
                </c:pt>
                <c:pt idx="94">
                  <c:v>48.917000000000002</c:v>
                </c:pt>
                <c:pt idx="95">
                  <c:v>47.932000000000002</c:v>
                </c:pt>
                <c:pt idx="96">
                  <c:v>47.243000000000002</c:v>
                </c:pt>
                <c:pt idx="97">
                  <c:v>45.963999999999999</c:v>
                </c:pt>
                <c:pt idx="98">
                  <c:v>45.668999999999997</c:v>
                </c:pt>
                <c:pt idx="99">
                  <c:v>44.094000000000001</c:v>
                </c:pt>
                <c:pt idx="100">
                  <c:v>43.011000000000003</c:v>
                </c:pt>
                <c:pt idx="101">
                  <c:v>41.927999999999997</c:v>
                </c:pt>
                <c:pt idx="102">
                  <c:v>40.845999999999997</c:v>
                </c:pt>
                <c:pt idx="103">
                  <c:v>39.664999999999999</c:v>
                </c:pt>
                <c:pt idx="104">
                  <c:v>38.484000000000002</c:v>
                </c:pt>
                <c:pt idx="105">
                  <c:v>37.695999999999998</c:v>
                </c:pt>
                <c:pt idx="106">
                  <c:v>38.090000000000003</c:v>
                </c:pt>
                <c:pt idx="107">
                  <c:v>37.893000000000001</c:v>
                </c:pt>
                <c:pt idx="108">
                  <c:v>36.317999999999998</c:v>
                </c:pt>
                <c:pt idx="109">
                  <c:v>36.121000000000002</c:v>
                </c:pt>
                <c:pt idx="110">
                  <c:v>35.433</c:v>
                </c:pt>
                <c:pt idx="111">
                  <c:v>35.039000000000001</c:v>
                </c:pt>
                <c:pt idx="112">
                  <c:v>34.152999999999999</c:v>
                </c:pt>
                <c:pt idx="113">
                  <c:v>34.94</c:v>
                </c:pt>
                <c:pt idx="114">
                  <c:v>34.250999999999998</c:v>
                </c:pt>
                <c:pt idx="115">
                  <c:v>33.366</c:v>
                </c:pt>
                <c:pt idx="116">
                  <c:v>31.692</c:v>
                </c:pt>
                <c:pt idx="117">
                  <c:v>31.692</c:v>
                </c:pt>
                <c:pt idx="118">
                  <c:v>31.003</c:v>
                </c:pt>
                <c:pt idx="119">
                  <c:v>30.510999999999999</c:v>
                </c:pt>
                <c:pt idx="120">
                  <c:v>31.2</c:v>
                </c:pt>
                <c:pt idx="121">
                  <c:v>30.806999999999999</c:v>
                </c:pt>
                <c:pt idx="122">
                  <c:v>30.413</c:v>
                </c:pt>
                <c:pt idx="123">
                  <c:v>30.61</c:v>
                </c:pt>
                <c:pt idx="124">
                  <c:v>29.428999999999998</c:v>
                </c:pt>
                <c:pt idx="125">
                  <c:v>28.542999999999999</c:v>
                </c:pt>
                <c:pt idx="126">
                  <c:v>28.838000000000001</c:v>
                </c:pt>
                <c:pt idx="127">
                  <c:v>29.428999999999998</c:v>
                </c:pt>
                <c:pt idx="128">
                  <c:v>28.838000000000001</c:v>
                </c:pt>
                <c:pt idx="129">
                  <c:v>27.559000000000001</c:v>
                </c:pt>
                <c:pt idx="130">
                  <c:v>27.46</c:v>
                </c:pt>
                <c:pt idx="131">
                  <c:v>26.574000000000002</c:v>
                </c:pt>
                <c:pt idx="132">
                  <c:v>26.279</c:v>
                </c:pt>
                <c:pt idx="133">
                  <c:v>25.196000000000002</c:v>
                </c:pt>
                <c:pt idx="134">
                  <c:v>25.885000000000002</c:v>
                </c:pt>
                <c:pt idx="135">
                  <c:v>24.015000000000001</c:v>
                </c:pt>
                <c:pt idx="136">
                  <c:v>23.326000000000001</c:v>
                </c:pt>
                <c:pt idx="137">
                  <c:v>22.834</c:v>
                </c:pt>
                <c:pt idx="138">
                  <c:v>22.047000000000001</c:v>
                </c:pt>
                <c:pt idx="139">
                  <c:v>21.358000000000001</c:v>
                </c:pt>
                <c:pt idx="140">
                  <c:v>21.161000000000001</c:v>
                </c:pt>
                <c:pt idx="141">
                  <c:v>20.866</c:v>
                </c:pt>
                <c:pt idx="142">
                  <c:v>19.98</c:v>
                </c:pt>
                <c:pt idx="143">
                  <c:v>19.98</c:v>
                </c:pt>
                <c:pt idx="144">
                  <c:v>18.896999999999998</c:v>
                </c:pt>
                <c:pt idx="145">
                  <c:v>17.815000000000001</c:v>
                </c:pt>
                <c:pt idx="146">
                  <c:v>17.126000000000001</c:v>
                </c:pt>
                <c:pt idx="147">
                  <c:v>16.437000000000001</c:v>
                </c:pt>
                <c:pt idx="148">
                  <c:v>16.338000000000001</c:v>
                </c:pt>
                <c:pt idx="149">
                  <c:v>15.452999999999999</c:v>
                </c:pt>
                <c:pt idx="150">
                  <c:v>14.96</c:v>
                </c:pt>
                <c:pt idx="151">
                  <c:v>13.976000000000001</c:v>
                </c:pt>
                <c:pt idx="152">
                  <c:v>13.09</c:v>
                </c:pt>
                <c:pt idx="153">
                  <c:v>13.582000000000001</c:v>
                </c:pt>
                <c:pt idx="154">
                  <c:v>13.878</c:v>
                </c:pt>
                <c:pt idx="155">
                  <c:v>13.582000000000001</c:v>
                </c:pt>
                <c:pt idx="156">
                  <c:v>12.5</c:v>
                </c:pt>
                <c:pt idx="157">
                  <c:v>11.712</c:v>
                </c:pt>
                <c:pt idx="158">
                  <c:v>10.63</c:v>
                </c:pt>
                <c:pt idx="159">
                  <c:v>9.9410000000000007</c:v>
                </c:pt>
                <c:pt idx="160">
                  <c:v>9.5470000000000006</c:v>
                </c:pt>
                <c:pt idx="161">
                  <c:v>9.2520000000000007</c:v>
                </c:pt>
                <c:pt idx="162">
                  <c:v>9.2520000000000007</c:v>
                </c:pt>
                <c:pt idx="163">
                  <c:v>8.9570000000000007</c:v>
                </c:pt>
                <c:pt idx="164">
                  <c:v>8.4640000000000004</c:v>
                </c:pt>
                <c:pt idx="165">
                  <c:v>7.7750000000000004</c:v>
                </c:pt>
                <c:pt idx="166">
                  <c:v>6.5940000000000003</c:v>
                </c:pt>
                <c:pt idx="167">
                  <c:v>6.6929999999999996</c:v>
                </c:pt>
                <c:pt idx="168">
                  <c:v>6.3979999999999997</c:v>
                </c:pt>
                <c:pt idx="169">
                  <c:v>6.4960000000000004</c:v>
                </c:pt>
                <c:pt idx="170">
                  <c:v>5.9050000000000002</c:v>
                </c:pt>
                <c:pt idx="171">
                  <c:v>5.3150000000000004</c:v>
                </c:pt>
                <c:pt idx="172">
                  <c:v>4.6260000000000003</c:v>
                </c:pt>
                <c:pt idx="173">
                  <c:v>5.2160000000000002</c:v>
                </c:pt>
                <c:pt idx="174">
                  <c:v>4.7240000000000002</c:v>
                </c:pt>
                <c:pt idx="175">
                  <c:v>4.9210000000000003</c:v>
                </c:pt>
                <c:pt idx="176">
                  <c:v>4.7240000000000002</c:v>
                </c:pt>
                <c:pt idx="177">
                  <c:v>4.7240000000000002</c:v>
                </c:pt>
                <c:pt idx="178">
                  <c:v>4.5270000000000001</c:v>
                </c:pt>
                <c:pt idx="179">
                  <c:v>3.839</c:v>
                </c:pt>
                <c:pt idx="180">
                  <c:v>3.4449999999999998</c:v>
                </c:pt>
                <c:pt idx="181">
                  <c:v>3.2480000000000002</c:v>
                </c:pt>
                <c:pt idx="182">
                  <c:v>3.2480000000000002</c:v>
                </c:pt>
                <c:pt idx="183">
                  <c:v>3.4449999999999998</c:v>
                </c:pt>
                <c:pt idx="184">
                  <c:v>3.3460000000000001</c:v>
                </c:pt>
                <c:pt idx="185">
                  <c:v>3.3460000000000001</c:v>
                </c:pt>
                <c:pt idx="186">
                  <c:v>3.2480000000000002</c:v>
                </c:pt>
                <c:pt idx="187">
                  <c:v>3.0510000000000002</c:v>
                </c:pt>
                <c:pt idx="188">
                  <c:v>2.8540000000000001</c:v>
                </c:pt>
                <c:pt idx="189">
                  <c:v>2.8540000000000001</c:v>
                </c:pt>
                <c:pt idx="190">
                  <c:v>2.8540000000000001</c:v>
                </c:pt>
                <c:pt idx="191">
                  <c:v>3.0510000000000002</c:v>
                </c:pt>
                <c:pt idx="192">
                  <c:v>3.15</c:v>
                </c:pt>
                <c:pt idx="193">
                  <c:v>3.2480000000000002</c:v>
                </c:pt>
                <c:pt idx="194">
                  <c:v>3.2480000000000002</c:v>
                </c:pt>
                <c:pt idx="195">
                  <c:v>3.0510000000000002</c:v>
                </c:pt>
                <c:pt idx="196">
                  <c:v>2.8540000000000001</c:v>
                </c:pt>
                <c:pt idx="197">
                  <c:v>2.8540000000000001</c:v>
                </c:pt>
                <c:pt idx="198">
                  <c:v>3.15</c:v>
                </c:pt>
                <c:pt idx="199">
                  <c:v>2.7559999999999998</c:v>
                </c:pt>
                <c:pt idx="200">
                  <c:v>2.8540000000000001</c:v>
                </c:pt>
                <c:pt idx="201">
                  <c:v>2.657</c:v>
                </c:pt>
                <c:pt idx="202">
                  <c:v>2.5590000000000002</c:v>
                </c:pt>
                <c:pt idx="203">
                  <c:v>2.5590000000000002</c:v>
                </c:pt>
                <c:pt idx="204">
                  <c:v>2.5590000000000002</c:v>
                </c:pt>
                <c:pt idx="205">
                  <c:v>2.165</c:v>
                </c:pt>
                <c:pt idx="206">
                  <c:v>2.0670000000000002</c:v>
                </c:pt>
                <c:pt idx="207">
                  <c:v>2.0670000000000002</c:v>
                </c:pt>
                <c:pt idx="208">
                  <c:v>1.87</c:v>
                </c:pt>
                <c:pt idx="209">
                  <c:v>1.87</c:v>
                </c:pt>
                <c:pt idx="210">
                  <c:v>1.968</c:v>
                </c:pt>
                <c:pt idx="211">
                  <c:v>1.968</c:v>
                </c:pt>
                <c:pt idx="212">
                  <c:v>1.772</c:v>
                </c:pt>
                <c:pt idx="213">
                  <c:v>1.673</c:v>
                </c:pt>
                <c:pt idx="214">
                  <c:v>1.673</c:v>
                </c:pt>
                <c:pt idx="215">
                  <c:v>1.476</c:v>
                </c:pt>
                <c:pt idx="216">
                  <c:v>1.3779999999999999</c:v>
                </c:pt>
                <c:pt idx="217">
                  <c:v>1.3779999999999999</c:v>
                </c:pt>
                <c:pt idx="218">
                  <c:v>1.3779999999999999</c:v>
                </c:pt>
                <c:pt idx="219">
                  <c:v>1.181</c:v>
                </c:pt>
                <c:pt idx="220">
                  <c:v>1.3779999999999999</c:v>
                </c:pt>
                <c:pt idx="221">
                  <c:v>1.3779999999999999</c:v>
                </c:pt>
                <c:pt idx="222">
                  <c:v>1.476</c:v>
                </c:pt>
                <c:pt idx="223">
                  <c:v>1.3779999999999999</c:v>
                </c:pt>
                <c:pt idx="224">
                  <c:v>1.476</c:v>
                </c:pt>
                <c:pt idx="225">
                  <c:v>1.476</c:v>
                </c:pt>
                <c:pt idx="226">
                  <c:v>1.575</c:v>
                </c:pt>
                <c:pt idx="227">
                  <c:v>1.575</c:v>
                </c:pt>
                <c:pt idx="228">
                  <c:v>1.575</c:v>
                </c:pt>
                <c:pt idx="229">
                  <c:v>1.476</c:v>
                </c:pt>
                <c:pt idx="230">
                  <c:v>1.673</c:v>
                </c:pt>
                <c:pt idx="231">
                  <c:v>1.968</c:v>
                </c:pt>
                <c:pt idx="232">
                  <c:v>1.87</c:v>
                </c:pt>
                <c:pt idx="233">
                  <c:v>1.673</c:v>
                </c:pt>
                <c:pt idx="234">
                  <c:v>1.575</c:v>
                </c:pt>
                <c:pt idx="235">
                  <c:v>1.476</c:v>
                </c:pt>
                <c:pt idx="236">
                  <c:v>1.476</c:v>
                </c:pt>
                <c:pt idx="237">
                  <c:v>1.968</c:v>
                </c:pt>
                <c:pt idx="238">
                  <c:v>1.87</c:v>
                </c:pt>
                <c:pt idx="239">
                  <c:v>1.772</c:v>
                </c:pt>
                <c:pt idx="240">
                  <c:v>1.575</c:v>
                </c:pt>
                <c:pt idx="241">
                  <c:v>1.673</c:v>
                </c:pt>
                <c:pt idx="242">
                  <c:v>1.673</c:v>
                </c:pt>
                <c:pt idx="243">
                  <c:v>1.575</c:v>
                </c:pt>
                <c:pt idx="244">
                  <c:v>2.0670000000000002</c:v>
                </c:pt>
                <c:pt idx="245">
                  <c:v>2.0670000000000002</c:v>
                </c:pt>
                <c:pt idx="246">
                  <c:v>1.968</c:v>
                </c:pt>
                <c:pt idx="247">
                  <c:v>2.165</c:v>
                </c:pt>
                <c:pt idx="248">
                  <c:v>2.0670000000000002</c:v>
                </c:pt>
                <c:pt idx="249">
                  <c:v>2.3620000000000001</c:v>
                </c:pt>
                <c:pt idx="250">
                  <c:v>2.2639999999999998</c:v>
                </c:pt>
                <c:pt idx="251">
                  <c:v>2.2639999999999998</c:v>
                </c:pt>
                <c:pt idx="252">
                  <c:v>2.2639999999999998</c:v>
                </c:pt>
                <c:pt idx="253">
                  <c:v>2.0670000000000002</c:v>
                </c:pt>
                <c:pt idx="254">
                  <c:v>2.3620000000000001</c:v>
                </c:pt>
                <c:pt idx="255">
                  <c:v>2.4609999999999999</c:v>
                </c:pt>
                <c:pt idx="256">
                  <c:v>2.3620000000000001</c:v>
                </c:pt>
                <c:pt idx="257">
                  <c:v>2.2639999999999998</c:v>
                </c:pt>
                <c:pt idx="258">
                  <c:v>2.657</c:v>
                </c:pt>
                <c:pt idx="259">
                  <c:v>3.0510000000000002</c:v>
                </c:pt>
                <c:pt idx="260">
                  <c:v>2.9529999999999998</c:v>
                </c:pt>
                <c:pt idx="261">
                  <c:v>2.9529999999999998</c:v>
                </c:pt>
                <c:pt idx="262">
                  <c:v>2.9529999999999998</c:v>
                </c:pt>
                <c:pt idx="263">
                  <c:v>3.3460000000000001</c:v>
                </c:pt>
                <c:pt idx="264">
                  <c:v>3.6419999999999999</c:v>
                </c:pt>
                <c:pt idx="265">
                  <c:v>3.5430000000000001</c:v>
                </c:pt>
                <c:pt idx="266">
                  <c:v>3.6419999999999999</c:v>
                </c:pt>
                <c:pt idx="267">
                  <c:v>4.0350000000000001</c:v>
                </c:pt>
                <c:pt idx="268">
                  <c:v>4.4290000000000003</c:v>
                </c:pt>
                <c:pt idx="269">
                  <c:v>5.61</c:v>
                </c:pt>
                <c:pt idx="270">
                  <c:v>5.5119999999999996</c:v>
                </c:pt>
                <c:pt idx="271">
                  <c:v>5.9050000000000002</c:v>
                </c:pt>
                <c:pt idx="272">
                  <c:v>5.7089999999999996</c:v>
                </c:pt>
                <c:pt idx="273">
                  <c:v>6.0039999999999996</c:v>
                </c:pt>
                <c:pt idx="274">
                  <c:v>5.9050000000000002</c:v>
                </c:pt>
                <c:pt idx="275">
                  <c:v>7.2830000000000004</c:v>
                </c:pt>
                <c:pt idx="276">
                  <c:v>7.9720000000000004</c:v>
                </c:pt>
                <c:pt idx="277">
                  <c:v>8.8580000000000005</c:v>
                </c:pt>
                <c:pt idx="278">
                  <c:v>8.8580000000000005</c:v>
                </c:pt>
                <c:pt idx="279">
                  <c:v>8.8580000000000005</c:v>
                </c:pt>
                <c:pt idx="280">
                  <c:v>9.6460000000000008</c:v>
                </c:pt>
                <c:pt idx="281">
                  <c:v>9.7439999999999998</c:v>
                </c:pt>
                <c:pt idx="282">
                  <c:v>12.007999999999999</c:v>
                </c:pt>
                <c:pt idx="283">
                  <c:v>12.5</c:v>
                </c:pt>
                <c:pt idx="284">
                  <c:v>12.007999999999999</c:v>
                </c:pt>
                <c:pt idx="285">
                  <c:v>12.106</c:v>
                </c:pt>
                <c:pt idx="286">
                  <c:v>12.205</c:v>
                </c:pt>
                <c:pt idx="287">
                  <c:v>12.992000000000001</c:v>
                </c:pt>
                <c:pt idx="288">
                  <c:v>12.992000000000001</c:v>
                </c:pt>
                <c:pt idx="289">
                  <c:v>15.353999999999999</c:v>
                </c:pt>
                <c:pt idx="290">
                  <c:v>16.338000000000001</c:v>
                </c:pt>
                <c:pt idx="291">
                  <c:v>17.518999999999998</c:v>
                </c:pt>
                <c:pt idx="292">
                  <c:v>17.716000000000001</c:v>
                </c:pt>
                <c:pt idx="293">
                  <c:v>17.420999999999999</c:v>
                </c:pt>
                <c:pt idx="294">
                  <c:v>17.617999999999999</c:v>
                </c:pt>
                <c:pt idx="295">
                  <c:v>17.518999999999998</c:v>
                </c:pt>
                <c:pt idx="296">
                  <c:v>19.291</c:v>
                </c:pt>
                <c:pt idx="297">
                  <c:v>20.274999999999999</c:v>
                </c:pt>
                <c:pt idx="298">
                  <c:v>21.358000000000001</c:v>
                </c:pt>
                <c:pt idx="299">
                  <c:v>22.440999999999999</c:v>
                </c:pt>
                <c:pt idx="300">
                  <c:v>22.539000000000001</c:v>
                </c:pt>
                <c:pt idx="301">
                  <c:v>22.244</c:v>
                </c:pt>
                <c:pt idx="302">
                  <c:v>22.145</c:v>
                </c:pt>
                <c:pt idx="303">
                  <c:v>23.326000000000001</c:v>
                </c:pt>
                <c:pt idx="304">
                  <c:v>23.425000000000001</c:v>
                </c:pt>
                <c:pt idx="305">
                  <c:v>23.72</c:v>
                </c:pt>
                <c:pt idx="306">
                  <c:v>25</c:v>
                </c:pt>
                <c:pt idx="307">
                  <c:v>24.408999999999999</c:v>
                </c:pt>
                <c:pt idx="308">
                  <c:v>24.212</c:v>
                </c:pt>
                <c:pt idx="309">
                  <c:v>24.408999999999999</c:v>
                </c:pt>
                <c:pt idx="310">
                  <c:v>23.917000000000002</c:v>
                </c:pt>
                <c:pt idx="311">
                  <c:v>25.393000000000001</c:v>
                </c:pt>
                <c:pt idx="312">
                  <c:v>25.393000000000001</c:v>
                </c:pt>
                <c:pt idx="313">
                  <c:v>24.408999999999999</c:v>
                </c:pt>
                <c:pt idx="314">
                  <c:v>24.507000000000001</c:v>
                </c:pt>
                <c:pt idx="315">
                  <c:v>24.803000000000001</c:v>
                </c:pt>
                <c:pt idx="316">
                  <c:v>25</c:v>
                </c:pt>
                <c:pt idx="317">
                  <c:v>24.606000000000002</c:v>
                </c:pt>
                <c:pt idx="318">
                  <c:v>25.689</c:v>
                </c:pt>
                <c:pt idx="319">
                  <c:v>25.786999999999999</c:v>
                </c:pt>
                <c:pt idx="320">
                  <c:v>26.574000000000002</c:v>
                </c:pt>
                <c:pt idx="321">
                  <c:v>27.559000000000001</c:v>
                </c:pt>
                <c:pt idx="322">
                  <c:v>27.559000000000001</c:v>
                </c:pt>
                <c:pt idx="323">
                  <c:v>27.853999999999999</c:v>
                </c:pt>
                <c:pt idx="324">
                  <c:v>28.937000000000001</c:v>
                </c:pt>
                <c:pt idx="325">
                  <c:v>29.527000000000001</c:v>
                </c:pt>
                <c:pt idx="326">
                  <c:v>29.821999999999999</c:v>
                </c:pt>
                <c:pt idx="327">
                  <c:v>29.821999999999999</c:v>
                </c:pt>
                <c:pt idx="328">
                  <c:v>30.117999999999999</c:v>
                </c:pt>
                <c:pt idx="329">
                  <c:v>30.018999999999998</c:v>
                </c:pt>
                <c:pt idx="330">
                  <c:v>30.61</c:v>
                </c:pt>
                <c:pt idx="331">
                  <c:v>32.774999999999999</c:v>
                </c:pt>
                <c:pt idx="332">
                  <c:v>33.857999999999997</c:v>
                </c:pt>
                <c:pt idx="333">
                  <c:v>33.366</c:v>
                </c:pt>
                <c:pt idx="334">
                  <c:v>33.07</c:v>
                </c:pt>
                <c:pt idx="335">
                  <c:v>32.972000000000001</c:v>
                </c:pt>
                <c:pt idx="336">
                  <c:v>32.874000000000002</c:v>
                </c:pt>
                <c:pt idx="337">
                  <c:v>34.250999999999998</c:v>
                </c:pt>
                <c:pt idx="338">
                  <c:v>35.530999999999999</c:v>
                </c:pt>
                <c:pt idx="339">
                  <c:v>36.22</c:v>
                </c:pt>
                <c:pt idx="340">
                  <c:v>36.613999999999997</c:v>
                </c:pt>
                <c:pt idx="341">
                  <c:v>37.106000000000002</c:v>
                </c:pt>
                <c:pt idx="342">
                  <c:v>36.81</c:v>
                </c:pt>
                <c:pt idx="343">
                  <c:v>36.712000000000003</c:v>
                </c:pt>
                <c:pt idx="344">
                  <c:v>36.613999999999997</c:v>
                </c:pt>
                <c:pt idx="345">
                  <c:v>37.695999999999998</c:v>
                </c:pt>
                <c:pt idx="346">
                  <c:v>36.317999999999998</c:v>
                </c:pt>
                <c:pt idx="347">
                  <c:v>35.924999999999997</c:v>
                </c:pt>
                <c:pt idx="348">
                  <c:v>34.841999999999999</c:v>
                </c:pt>
                <c:pt idx="349">
                  <c:v>34.94</c:v>
                </c:pt>
                <c:pt idx="350">
                  <c:v>34.841999999999999</c:v>
                </c:pt>
                <c:pt idx="351">
                  <c:v>34.645000000000003</c:v>
                </c:pt>
                <c:pt idx="352">
                  <c:v>34.152999999999999</c:v>
                </c:pt>
                <c:pt idx="353">
                  <c:v>33.366</c:v>
                </c:pt>
                <c:pt idx="354">
                  <c:v>32.283000000000001</c:v>
                </c:pt>
                <c:pt idx="355">
                  <c:v>31.102</c:v>
                </c:pt>
                <c:pt idx="356">
                  <c:v>30.018999999999998</c:v>
                </c:pt>
                <c:pt idx="357">
                  <c:v>29.821999999999999</c:v>
                </c:pt>
                <c:pt idx="358">
                  <c:v>28.937000000000001</c:v>
                </c:pt>
                <c:pt idx="359">
                  <c:v>27.754999999999999</c:v>
                </c:pt>
                <c:pt idx="360">
                  <c:v>27.559000000000001</c:v>
                </c:pt>
                <c:pt idx="361">
                  <c:v>27.067</c:v>
                </c:pt>
                <c:pt idx="362">
                  <c:v>26.771000000000001</c:v>
                </c:pt>
                <c:pt idx="363">
                  <c:v>25.689</c:v>
                </c:pt>
                <c:pt idx="364">
                  <c:v>25.689</c:v>
                </c:pt>
                <c:pt idx="365">
                  <c:v>25.689</c:v>
                </c:pt>
                <c:pt idx="366">
                  <c:v>24.408999999999999</c:v>
                </c:pt>
                <c:pt idx="367">
                  <c:v>24.408999999999999</c:v>
                </c:pt>
                <c:pt idx="368">
                  <c:v>24.311</c:v>
                </c:pt>
                <c:pt idx="369">
                  <c:v>24.212</c:v>
                </c:pt>
                <c:pt idx="370">
                  <c:v>23.818999999999999</c:v>
                </c:pt>
                <c:pt idx="371">
                  <c:v>23.917000000000002</c:v>
                </c:pt>
                <c:pt idx="372">
                  <c:v>23.818999999999999</c:v>
                </c:pt>
                <c:pt idx="373">
                  <c:v>23.13</c:v>
                </c:pt>
                <c:pt idx="374">
                  <c:v>22.736000000000001</c:v>
                </c:pt>
                <c:pt idx="375">
                  <c:v>22.736000000000001</c:v>
                </c:pt>
                <c:pt idx="376">
                  <c:v>22.933</c:v>
                </c:pt>
                <c:pt idx="377">
                  <c:v>21.751999999999999</c:v>
                </c:pt>
                <c:pt idx="378">
                  <c:v>21.85</c:v>
                </c:pt>
                <c:pt idx="379">
                  <c:v>21.85</c:v>
                </c:pt>
                <c:pt idx="380">
                  <c:v>22.047000000000001</c:v>
                </c:pt>
                <c:pt idx="381">
                  <c:v>22.637</c:v>
                </c:pt>
                <c:pt idx="382">
                  <c:v>22.440999999999999</c:v>
                </c:pt>
                <c:pt idx="383">
                  <c:v>20.766999999999999</c:v>
                </c:pt>
                <c:pt idx="384">
                  <c:v>20.373999999999999</c:v>
                </c:pt>
                <c:pt idx="385">
                  <c:v>20.177</c:v>
                </c:pt>
                <c:pt idx="386">
                  <c:v>20.274999999999999</c:v>
                </c:pt>
                <c:pt idx="387">
                  <c:v>21.062999999999999</c:v>
                </c:pt>
                <c:pt idx="388">
                  <c:v>21.555</c:v>
                </c:pt>
                <c:pt idx="389">
                  <c:v>22.145</c:v>
                </c:pt>
                <c:pt idx="390">
                  <c:v>22.834</c:v>
                </c:pt>
                <c:pt idx="391">
                  <c:v>21.948</c:v>
                </c:pt>
                <c:pt idx="392">
                  <c:v>21.948</c:v>
                </c:pt>
                <c:pt idx="393">
                  <c:v>21.85</c:v>
                </c:pt>
                <c:pt idx="394">
                  <c:v>23.228000000000002</c:v>
                </c:pt>
                <c:pt idx="395">
                  <c:v>22.736000000000001</c:v>
                </c:pt>
                <c:pt idx="396">
                  <c:v>23.425000000000001</c:v>
                </c:pt>
                <c:pt idx="397">
                  <c:v>23.13</c:v>
                </c:pt>
                <c:pt idx="398">
                  <c:v>22.834</c:v>
                </c:pt>
                <c:pt idx="399">
                  <c:v>22.834</c:v>
                </c:pt>
                <c:pt idx="400">
                  <c:v>23.228000000000002</c:v>
                </c:pt>
                <c:pt idx="401">
                  <c:v>23.523</c:v>
                </c:pt>
                <c:pt idx="402">
                  <c:v>22.539000000000001</c:v>
                </c:pt>
                <c:pt idx="403">
                  <c:v>22.440999999999999</c:v>
                </c:pt>
                <c:pt idx="404">
                  <c:v>22.145</c:v>
                </c:pt>
                <c:pt idx="405">
                  <c:v>23.818999999999999</c:v>
                </c:pt>
                <c:pt idx="406">
                  <c:v>23.917000000000002</c:v>
                </c:pt>
                <c:pt idx="407">
                  <c:v>24.015000000000001</c:v>
                </c:pt>
                <c:pt idx="408">
                  <c:v>25.492000000000001</c:v>
                </c:pt>
                <c:pt idx="409">
                  <c:v>25.492000000000001</c:v>
                </c:pt>
                <c:pt idx="410">
                  <c:v>26.082000000000001</c:v>
                </c:pt>
                <c:pt idx="411">
                  <c:v>26.279</c:v>
                </c:pt>
                <c:pt idx="412">
                  <c:v>26.279</c:v>
                </c:pt>
                <c:pt idx="413">
                  <c:v>26.574000000000002</c:v>
                </c:pt>
                <c:pt idx="414">
                  <c:v>26.87</c:v>
                </c:pt>
                <c:pt idx="415">
                  <c:v>28.443999999999999</c:v>
                </c:pt>
                <c:pt idx="416">
                  <c:v>27.164999999999999</c:v>
                </c:pt>
                <c:pt idx="417">
                  <c:v>27.46</c:v>
                </c:pt>
                <c:pt idx="418">
                  <c:v>29.920999999999999</c:v>
                </c:pt>
                <c:pt idx="419">
                  <c:v>29.035</c:v>
                </c:pt>
                <c:pt idx="420">
                  <c:v>29.035</c:v>
                </c:pt>
                <c:pt idx="421">
                  <c:v>29.231999999999999</c:v>
                </c:pt>
                <c:pt idx="422">
                  <c:v>29.626000000000001</c:v>
                </c:pt>
                <c:pt idx="423">
                  <c:v>29.724</c:v>
                </c:pt>
                <c:pt idx="424">
                  <c:v>31.692</c:v>
                </c:pt>
                <c:pt idx="425">
                  <c:v>32.677</c:v>
                </c:pt>
                <c:pt idx="426">
                  <c:v>32.578000000000003</c:v>
                </c:pt>
                <c:pt idx="427">
                  <c:v>32.578000000000003</c:v>
                </c:pt>
                <c:pt idx="428">
                  <c:v>32.381</c:v>
                </c:pt>
                <c:pt idx="429">
                  <c:v>34.055</c:v>
                </c:pt>
                <c:pt idx="430">
                  <c:v>34.645000000000003</c:v>
                </c:pt>
                <c:pt idx="431">
                  <c:v>35.235999999999997</c:v>
                </c:pt>
                <c:pt idx="432">
                  <c:v>35.334000000000003</c:v>
                </c:pt>
                <c:pt idx="433">
                  <c:v>36.22</c:v>
                </c:pt>
                <c:pt idx="434">
                  <c:v>36.22</c:v>
                </c:pt>
                <c:pt idx="435">
                  <c:v>37.006999999999998</c:v>
                </c:pt>
                <c:pt idx="436">
                  <c:v>38.779000000000003</c:v>
                </c:pt>
                <c:pt idx="437">
                  <c:v>38.090000000000003</c:v>
                </c:pt>
                <c:pt idx="438">
                  <c:v>38.384999999999998</c:v>
                </c:pt>
                <c:pt idx="439">
                  <c:v>37.991999999999997</c:v>
                </c:pt>
                <c:pt idx="440">
                  <c:v>39.073999999999998</c:v>
                </c:pt>
                <c:pt idx="441">
                  <c:v>39.073999999999998</c:v>
                </c:pt>
                <c:pt idx="442">
                  <c:v>39.073999999999998</c:v>
                </c:pt>
                <c:pt idx="443">
                  <c:v>41.338000000000001</c:v>
                </c:pt>
                <c:pt idx="444">
                  <c:v>40.845999999999997</c:v>
                </c:pt>
                <c:pt idx="445">
                  <c:v>40.255000000000003</c:v>
                </c:pt>
                <c:pt idx="446">
                  <c:v>40.845999999999997</c:v>
                </c:pt>
                <c:pt idx="447">
                  <c:v>39.173000000000002</c:v>
                </c:pt>
                <c:pt idx="448">
                  <c:v>38.975999999999999</c:v>
                </c:pt>
                <c:pt idx="449">
                  <c:v>38.877000000000002</c:v>
                </c:pt>
                <c:pt idx="450">
                  <c:v>40.058</c:v>
                </c:pt>
                <c:pt idx="451">
                  <c:v>38.484000000000002</c:v>
                </c:pt>
                <c:pt idx="452">
                  <c:v>39.271000000000001</c:v>
                </c:pt>
                <c:pt idx="453">
                  <c:v>38.582000000000001</c:v>
                </c:pt>
                <c:pt idx="454">
                  <c:v>37.795000000000002</c:v>
                </c:pt>
                <c:pt idx="455">
                  <c:v>37.991999999999997</c:v>
                </c:pt>
                <c:pt idx="456">
                  <c:v>37.401000000000003</c:v>
                </c:pt>
                <c:pt idx="457">
                  <c:v>38.484000000000002</c:v>
                </c:pt>
                <c:pt idx="458">
                  <c:v>38.877000000000002</c:v>
                </c:pt>
                <c:pt idx="459">
                  <c:v>38.188000000000002</c:v>
                </c:pt>
                <c:pt idx="460">
                  <c:v>37.795000000000002</c:v>
                </c:pt>
                <c:pt idx="461">
                  <c:v>38.68</c:v>
                </c:pt>
                <c:pt idx="462">
                  <c:v>38.582000000000001</c:v>
                </c:pt>
                <c:pt idx="463">
                  <c:v>38.484000000000002</c:v>
                </c:pt>
                <c:pt idx="464">
                  <c:v>37.106000000000002</c:v>
                </c:pt>
                <c:pt idx="465">
                  <c:v>36.22</c:v>
                </c:pt>
                <c:pt idx="466">
                  <c:v>35.628999999999998</c:v>
                </c:pt>
                <c:pt idx="467">
                  <c:v>35.334000000000003</c:v>
                </c:pt>
                <c:pt idx="468">
                  <c:v>33.267000000000003</c:v>
                </c:pt>
                <c:pt idx="469">
                  <c:v>33.168999999999997</c:v>
                </c:pt>
                <c:pt idx="470">
                  <c:v>31.298999999999999</c:v>
                </c:pt>
                <c:pt idx="471">
                  <c:v>28.838000000000001</c:v>
                </c:pt>
                <c:pt idx="472">
                  <c:v>27.657</c:v>
                </c:pt>
                <c:pt idx="473">
                  <c:v>27.46</c:v>
                </c:pt>
                <c:pt idx="474">
                  <c:v>25.786999999999999</c:v>
                </c:pt>
                <c:pt idx="475">
                  <c:v>24.311</c:v>
                </c:pt>
                <c:pt idx="476">
                  <c:v>24.212</c:v>
                </c:pt>
                <c:pt idx="477">
                  <c:v>24.507000000000001</c:v>
                </c:pt>
                <c:pt idx="478">
                  <c:v>21.751999999999999</c:v>
                </c:pt>
                <c:pt idx="479">
                  <c:v>22.244</c:v>
                </c:pt>
                <c:pt idx="480">
                  <c:v>21.358000000000001</c:v>
                </c:pt>
                <c:pt idx="481">
                  <c:v>21.26</c:v>
                </c:pt>
                <c:pt idx="482">
                  <c:v>20.274999999999999</c:v>
                </c:pt>
                <c:pt idx="483">
                  <c:v>20.472000000000001</c:v>
                </c:pt>
                <c:pt idx="484">
                  <c:v>20.274999999999999</c:v>
                </c:pt>
                <c:pt idx="485">
                  <c:v>19.193000000000001</c:v>
                </c:pt>
                <c:pt idx="486">
                  <c:v>18.602</c:v>
                </c:pt>
                <c:pt idx="487">
                  <c:v>17.323</c:v>
                </c:pt>
                <c:pt idx="488">
                  <c:v>16.731999999999999</c:v>
                </c:pt>
                <c:pt idx="489">
                  <c:v>15.747999999999999</c:v>
                </c:pt>
                <c:pt idx="490">
                  <c:v>15.846</c:v>
                </c:pt>
                <c:pt idx="491">
                  <c:v>14.763999999999999</c:v>
                </c:pt>
                <c:pt idx="492">
                  <c:v>14.468</c:v>
                </c:pt>
                <c:pt idx="493">
                  <c:v>13.680999999999999</c:v>
                </c:pt>
                <c:pt idx="494">
                  <c:v>12.401</c:v>
                </c:pt>
                <c:pt idx="495">
                  <c:v>12.303000000000001</c:v>
                </c:pt>
                <c:pt idx="496">
                  <c:v>11.811</c:v>
                </c:pt>
                <c:pt idx="497">
                  <c:v>11.712</c:v>
                </c:pt>
                <c:pt idx="498">
                  <c:v>11.614000000000001</c:v>
                </c:pt>
                <c:pt idx="499">
                  <c:v>10.925000000000001</c:v>
                </c:pt>
                <c:pt idx="500">
                  <c:v>9.8420000000000005</c:v>
                </c:pt>
                <c:pt idx="501">
                  <c:v>9.5470000000000006</c:v>
                </c:pt>
                <c:pt idx="502">
                  <c:v>8.8580000000000005</c:v>
                </c:pt>
                <c:pt idx="503">
                  <c:v>8.2680000000000007</c:v>
                </c:pt>
                <c:pt idx="504">
                  <c:v>8.3659999999999997</c:v>
                </c:pt>
                <c:pt idx="505">
                  <c:v>8.0709999999999997</c:v>
                </c:pt>
                <c:pt idx="506">
                  <c:v>7.48</c:v>
                </c:pt>
                <c:pt idx="507">
                  <c:v>6.3979999999999997</c:v>
                </c:pt>
                <c:pt idx="508">
                  <c:v>6.2990000000000004</c:v>
                </c:pt>
                <c:pt idx="509">
                  <c:v>6.5940000000000003</c:v>
                </c:pt>
                <c:pt idx="510">
                  <c:v>6.5940000000000003</c:v>
                </c:pt>
                <c:pt idx="511">
                  <c:v>6.5940000000000003</c:v>
                </c:pt>
                <c:pt idx="512">
                  <c:v>6.5940000000000003</c:v>
                </c:pt>
                <c:pt idx="513">
                  <c:v>6.0039999999999996</c:v>
                </c:pt>
                <c:pt idx="514">
                  <c:v>4.7240000000000002</c:v>
                </c:pt>
                <c:pt idx="515">
                  <c:v>4.2320000000000002</c:v>
                </c:pt>
                <c:pt idx="516">
                  <c:v>3.9369999999999998</c:v>
                </c:pt>
                <c:pt idx="517">
                  <c:v>3.9369999999999998</c:v>
                </c:pt>
                <c:pt idx="518">
                  <c:v>3.9369999999999998</c:v>
                </c:pt>
                <c:pt idx="519">
                  <c:v>3.74</c:v>
                </c:pt>
                <c:pt idx="520">
                  <c:v>3.2480000000000002</c:v>
                </c:pt>
                <c:pt idx="521">
                  <c:v>2.9529999999999998</c:v>
                </c:pt>
                <c:pt idx="522">
                  <c:v>2.9529999999999998</c:v>
                </c:pt>
                <c:pt idx="523">
                  <c:v>2.7559999999999998</c:v>
                </c:pt>
                <c:pt idx="524">
                  <c:v>2.5590000000000002</c:v>
                </c:pt>
                <c:pt idx="525">
                  <c:v>2.5590000000000002</c:v>
                </c:pt>
                <c:pt idx="526">
                  <c:v>2.4609999999999999</c:v>
                </c:pt>
                <c:pt idx="527">
                  <c:v>2.0670000000000002</c:v>
                </c:pt>
                <c:pt idx="528">
                  <c:v>1.968</c:v>
                </c:pt>
                <c:pt idx="529">
                  <c:v>2.0670000000000002</c:v>
                </c:pt>
                <c:pt idx="530">
                  <c:v>1.87</c:v>
                </c:pt>
                <c:pt idx="531">
                  <c:v>1.87</c:v>
                </c:pt>
                <c:pt idx="532">
                  <c:v>1.87</c:v>
                </c:pt>
                <c:pt idx="533">
                  <c:v>1.87</c:v>
                </c:pt>
                <c:pt idx="534">
                  <c:v>2.2639999999999998</c:v>
                </c:pt>
                <c:pt idx="535">
                  <c:v>2.2639999999999998</c:v>
                </c:pt>
                <c:pt idx="536">
                  <c:v>2.3620000000000001</c:v>
                </c:pt>
                <c:pt idx="537">
                  <c:v>2.2639999999999998</c:v>
                </c:pt>
                <c:pt idx="538">
                  <c:v>2.165</c:v>
                </c:pt>
                <c:pt idx="539">
                  <c:v>2.165</c:v>
                </c:pt>
                <c:pt idx="540">
                  <c:v>2.165</c:v>
                </c:pt>
                <c:pt idx="541">
                  <c:v>2.0670000000000002</c:v>
                </c:pt>
                <c:pt idx="542">
                  <c:v>2.0670000000000002</c:v>
                </c:pt>
                <c:pt idx="543">
                  <c:v>1.87</c:v>
                </c:pt>
                <c:pt idx="544">
                  <c:v>1.575</c:v>
                </c:pt>
                <c:pt idx="545">
                  <c:v>1.575</c:v>
                </c:pt>
                <c:pt idx="546">
                  <c:v>1.575</c:v>
                </c:pt>
                <c:pt idx="547">
                  <c:v>1.575</c:v>
                </c:pt>
                <c:pt idx="548">
                  <c:v>1.968</c:v>
                </c:pt>
                <c:pt idx="549">
                  <c:v>2.2639999999999998</c:v>
                </c:pt>
                <c:pt idx="550">
                  <c:v>2.4609999999999999</c:v>
                </c:pt>
                <c:pt idx="551">
                  <c:v>2.7559999999999998</c:v>
                </c:pt>
                <c:pt idx="552">
                  <c:v>2.8540000000000001</c:v>
                </c:pt>
                <c:pt idx="553">
                  <c:v>2.8540000000000001</c:v>
                </c:pt>
                <c:pt idx="554">
                  <c:v>2.8540000000000001</c:v>
                </c:pt>
                <c:pt idx="555">
                  <c:v>2.657</c:v>
                </c:pt>
                <c:pt idx="556">
                  <c:v>2.5590000000000002</c:v>
                </c:pt>
                <c:pt idx="557">
                  <c:v>2.8540000000000001</c:v>
                </c:pt>
                <c:pt idx="558">
                  <c:v>2.5590000000000002</c:v>
                </c:pt>
                <c:pt idx="559">
                  <c:v>2.657</c:v>
                </c:pt>
                <c:pt idx="560">
                  <c:v>2.5590000000000002</c:v>
                </c:pt>
                <c:pt idx="561">
                  <c:v>2.4609999999999999</c:v>
                </c:pt>
                <c:pt idx="562">
                  <c:v>2.7559999999999998</c:v>
                </c:pt>
                <c:pt idx="563">
                  <c:v>3.15</c:v>
                </c:pt>
                <c:pt idx="564">
                  <c:v>3.2480000000000002</c:v>
                </c:pt>
                <c:pt idx="565">
                  <c:v>3.2480000000000002</c:v>
                </c:pt>
                <c:pt idx="566">
                  <c:v>3.4449999999999998</c:v>
                </c:pt>
                <c:pt idx="567">
                  <c:v>3.4449999999999998</c:v>
                </c:pt>
                <c:pt idx="568">
                  <c:v>3.4449999999999998</c:v>
                </c:pt>
                <c:pt idx="569">
                  <c:v>3.5430000000000001</c:v>
                </c:pt>
                <c:pt idx="570">
                  <c:v>3.74</c:v>
                </c:pt>
                <c:pt idx="571">
                  <c:v>3.9369999999999998</c:v>
                </c:pt>
                <c:pt idx="572">
                  <c:v>3.9369999999999998</c:v>
                </c:pt>
                <c:pt idx="573">
                  <c:v>4.1340000000000003</c:v>
                </c:pt>
                <c:pt idx="574">
                  <c:v>4.2320000000000002</c:v>
                </c:pt>
                <c:pt idx="575">
                  <c:v>4.0350000000000001</c:v>
                </c:pt>
                <c:pt idx="576">
                  <c:v>4.5270000000000001</c:v>
                </c:pt>
                <c:pt idx="577">
                  <c:v>4.3310000000000004</c:v>
                </c:pt>
                <c:pt idx="578">
                  <c:v>4.2320000000000002</c:v>
                </c:pt>
                <c:pt idx="579">
                  <c:v>4.2320000000000002</c:v>
                </c:pt>
                <c:pt idx="580">
                  <c:v>4.8230000000000004</c:v>
                </c:pt>
                <c:pt idx="581">
                  <c:v>4.8230000000000004</c:v>
                </c:pt>
                <c:pt idx="582">
                  <c:v>4.9210000000000003</c:v>
                </c:pt>
                <c:pt idx="583">
                  <c:v>5.1180000000000003</c:v>
                </c:pt>
                <c:pt idx="584">
                  <c:v>5.61</c:v>
                </c:pt>
                <c:pt idx="585">
                  <c:v>5.61</c:v>
                </c:pt>
                <c:pt idx="586">
                  <c:v>5.61</c:v>
                </c:pt>
                <c:pt idx="587">
                  <c:v>5.4130000000000003</c:v>
                </c:pt>
                <c:pt idx="588">
                  <c:v>5.4130000000000003</c:v>
                </c:pt>
                <c:pt idx="589">
                  <c:v>5.4130000000000003</c:v>
                </c:pt>
                <c:pt idx="590">
                  <c:v>4.7240000000000002</c:v>
                </c:pt>
                <c:pt idx="591">
                  <c:v>4.8230000000000004</c:v>
                </c:pt>
                <c:pt idx="592">
                  <c:v>4.7240000000000002</c:v>
                </c:pt>
                <c:pt idx="593">
                  <c:v>4.6260000000000003</c:v>
                </c:pt>
                <c:pt idx="594">
                  <c:v>4.3310000000000004</c:v>
                </c:pt>
                <c:pt idx="595">
                  <c:v>4.3310000000000004</c:v>
                </c:pt>
                <c:pt idx="596">
                  <c:v>4.3310000000000004</c:v>
                </c:pt>
                <c:pt idx="597">
                  <c:v>4.3310000000000004</c:v>
                </c:pt>
                <c:pt idx="598">
                  <c:v>4.6260000000000003</c:v>
                </c:pt>
                <c:pt idx="599">
                  <c:v>4.6260000000000003</c:v>
                </c:pt>
                <c:pt idx="600">
                  <c:v>4.2320000000000002</c:v>
                </c:pt>
                <c:pt idx="601">
                  <c:v>4.2320000000000002</c:v>
                </c:pt>
                <c:pt idx="602">
                  <c:v>4.2320000000000002</c:v>
                </c:pt>
                <c:pt idx="603">
                  <c:v>4.1340000000000003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3087-46BD-BC7A-A8469521D25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063238095"/>
        <c:axId val="1033943359"/>
      </c:lineChart>
      <c:dateAx>
        <c:axId val="1159459055"/>
        <c:scaling>
          <c:orientation val="minMax"/>
        </c:scaling>
        <c:delete val="0"/>
        <c:axPos val="b"/>
        <c:numFmt formatCode="m/d/yyyy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lt1">
                <a:lumMod val="95000"/>
                <a:alpha val="10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SE"/>
          </a:p>
        </c:txPr>
        <c:crossAx val="1168545983"/>
        <c:crosses val="autoZero"/>
        <c:auto val="1"/>
        <c:lblOffset val="100"/>
        <c:baseTimeUnit val="days"/>
      </c:dateAx>
      <c:valAx>
        <c:axId val="1168545983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50800">
            <a:solidFill>
              <a:schemeClr val="bg1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SE"/>
          </a:p>
        </c:txPr>
        <c:crossAx val="1159459055"/>
        <c:crosses val="autoZero"/>
        <c:crossBetween val="between"/>
      </c:valAx>
      <c:valAx>
        <c:axId val="1033943359"/>
        <c:scaling>
          <c:orientation val="minMax"/>
          <c:min val="0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 w="44450">
            <a:solidFill>
              <a:schemeClr val="accent2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SE"/>
          </a:p>
        </c:txPr>
        <c:crossAx val="1063238095"/>
        <c:crosses val="max"/>
        <c:crossBetween val="between"/>
      </c:valAx>
      <c:dateAx>
        <c:axId val="1063238095"/>
        <c:scaling>
          <c:orientation val="minMax"/>
        </c:scaling>
        <c:delete val="1"/>
        <c:axPos val="b"/>
        <c:numFmt formatCode="m/d/yyyy" sourceLinked="1"/>
        <c:majorTickMark val="out"/>
        <c:minorTickMark val="none"/>
        <c:tickLblPos val="nextTo"/>
        <c:crossAx val="1033943359"/>
        <c:crosses val="autoZero"/>
        <c:auto val="1"/>
        <c:lblOffset val="100"/>
        <c:baseTimeUnit val="days"/>
      </c:date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22883169578292509"/>
          <c:y val="9.0101539726888974E-2"/>
          <c:w val="0.19977091511520242"/>
          <c:h val="0.22057434352963948"/>
        </c:manualLayout>
      </c:layout>
      <c:overlay val="0"/>
      <c:spPr>
        <a:solidFill>
          <a:schemeClr val="bg2">
            <a:alpha val="29000"/>
          </a:schemeClr>
        </a:solidFill>
        <a:ln>
          <a:solidFill>
            <a:schemeClr val="accent2"/>
          </a:solidFill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en-SE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en-S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33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tx1"/>
    </cs:fontRef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1-10-07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AE5A434-646A-2746-9BDC-885B2382B33E}" type="slidenum">
              <a:rPr lang="sv-SE" smtClean="0"/>
              <a:t>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38297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2B593D-C6CB-6A40-8E8F-E09C7B924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3A61C5-0160-3946-A658-71F0E516BFE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273CAD7-E8F5-C24E-8151-2B2B0262A2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92556C-83F8-384E-8A3C-C7CDAAEEC716}" type="datetimeFigureOut">
              <a:rPr lang="sv-SE" smtClean="0"/>
              <a:t>2021-10-07</a:t>
            </a:fld>
            <a:endParaRPr lang="sv-S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BF470C-666A-C244-891F-B54A617C22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110962-8938-2646-AE4C-76A21C25D6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C68DA8-0119-9747-A162-BF45FDD9C46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6599769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4CFE2D-4B88-EC4D-B1C9-F5D01DE286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D30B82-03B8-CB4C-9526-DD8D8A233E7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00D7E02-13E5-4540-8363-269039B99EF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1908B80-60FF-BE4B-BEC8-E84C26B335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92556C-83F8-384E-8A3C-C7CDAAEEC716}" type="datetimeFigureOut">
              <a:rPr lang="sv-SE" smtClean="0"/>
              <a:t>2021-10-07</a:t>
            </a:fld>
            <a:endParaRPr lang="sv-S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4DE3482-AD6A-974F-978A-24202135A0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4E62F8-96B8-D248-B71A-6ED210A1DA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C68DA8-0119-9747-A162-BF45FDD9C46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689428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1-10-07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671" r:id="rId13"/>
    <p:sldLayoutId id="2147483672" r:id="rId1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tiff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5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13.xml.rels><?xml version="1.0" encoding="UTF-8" standalone="yes"?>
<Relationships xmlns="http://schemas.openxmlformats.org/package/2006/relationships"><Relationship Id="rId26" Type="http://schemas.openxmlformats.org/officeDocument/2006/relationships/tags" Target="../tags/tag84.xml"/><Relationship Id="rId21" Type="http://schemas.openxmlformats.org/officeDocument/2006/relationships/tags" Target="../tags/tag79.xml"/><Relationship Id="rId42" Type="http://schemas.openxmlformats.org/officeDocument/2006/relationships/tags" Target="../tags/tag100.xml"/><Relationship Id="rId47" Type="http://schemas.openxmlformats.org/officeDocument/2006/relationships/tags" Target="../tags/tag105.xml"/><Relationship Id="rId63" Type="http://schemas.openxmlformats.org/officeDocument/2006/relationships/tags" Target="../tags/tag121.xml"/><Relationship Id="rId68" Type="http://schemas.openxmlformats.org/officeDocument/2006/relationships/tags" Target="../tags/tag126.xml"/><Relationship Id="rId84" Type="http://schemas.openxmlformats.org/officeDocument/2006/relationships/tags" Target="../tags/tag142.xml"/><Relationship Id="rId89" Type="http://schemas.openxmlformats.org/officeDocument/2006/relationships/tags" Target="../tags/tag147.xml"/><Relationship Id="rId112" Type="http://schemas.openxmlformats.org/officeDocument/2006/relationships/slideLayout" Target="../slideLayouts/slideLayout5.xml"/><Relationship Id="rId16" Type="http://schemas.openxmlformats.org/officeDocument/2006/relationships/tags" Target="../tags/tag74.xml"/><Relationship Id="rId107" Type="http://schemas.openxmlformats.org/officeDocument/2006/relationships/tags" Target="../tags/tag165.xml"/><Relationship Id="rId11" Type="http://schemas.openxmlformats.org/officeDocument/2006/relationships/tags" Target="../tags/tag69.xml"/><Relationship Id="rId32" Type="http://schemas.openxmlformats.org/officeDocument/2006/relationships/tags" Target="../tags/tag90.xml"/><Relationship Id="rId37" Type="http://schemas.openxmlformats.org/officeDocument/2006/relationships/tags" Target="../tags/tag95.xml"/><Relationship Id="rId53" Type="http://schemas.openxmlformats.org/officeDocument/2006/relationships/tags" Target="../tags/tag111.xml"/><Relationship Id="rId58" Type="http://schemas.openxmlformats.org/officeDocument/2006/relationships/tags" Target="../tags/tag116.xml"/><Relationship Id="rId74" Type="http://schemas.openxmlformats.org/officeDocument/2006/relationships/tags" Target="../tags/tag132.xml"/><Relationship Id="rId79" Type="http://schemas.openxmlformats.org/officeDocument/2006/relationships/tags" Target="../tags/tag137.xml"/><Relationship Id="rId102" Type="http://schemas.openxmlformats.org/officeDocument/2006/relationships/tags" Target="../tags/tag160.xml"/><Relationship Id="rId5" Type="http://schemas.openxmlformats.org/officeDocument/2006/relationships/tags" Target="../tags/tag63.xml"/><Relationship Id="rId90" Type="http://schemas.openxmlformats.org/officeDocument/2006/relationships/tags" Target="../tags/tag148.xml"/><Relationship Id="rId95" Type="http://schemas.openxmlformats.org/officeDocument/2006/relationships/tags" Target="../tags/tag153.xml"/><Relationship Id="rId22" Type="http://schemas.openxmlformats.org/officeDocument/2006/relationships/tags" Target="../tags/tag80.xml"/><Relationship Id="rId27" Type="http://schemas.openxmlformats.org/officeDocument/2006/relationships/tags" Target="../tags/tag85.xml"/><Relationship Id="rId43" Type="http://schemas.openxmlformats.org/officeDocument/2006/relationships/tags" Target="../tags/tag101.xml"/><Relationship Id="rId48" Type="http://schemas.openxmlformats.org/officeDocument/2006/relationships/tags" Target="../tags/tag106.xml"/><Relationship Id="rId64" Type="http://schemas.openxmlformats.org/officeDocument/2006/relationships/tags" Target="../tags/tag122.xml"/><Relationship Id="rId69" Type="http://schemas.openxmlformats.org/officeDocument/2006/relationships/tags" Target="../tags/tag127.xml"/><Relationship Id="rId80" Type="http://schemas.openxmlformats.org/officeDocument/2006/relationships/tags" Target="../tags/tag138.xml"/><Relationship Id="rId85" Type="http://schemas.openxmlformats.org/officeDocument/2006/relationships/tags" Target="../tags/tag143.xml"/><Relationship Id="rId12" Type="http://schemas.openxmlformats.org/officeDocument/2006/relationships/tags" Target="../tags/tag70.xml"/><Relationship Id="rId17" Type="http://schemas.openxmlformats.org/officeDocument/2006/relationships/tags" Target="../tags/tag75.xml"/><Relationship Id="rId33" Type="http://schemas.openxmlformats.org/officeDocument/2006/relationships/tags" Target="../tags/tag91.xml"/><Relationship Id="rId38" Type="http://schemas.openxmlformats.org/officeDocument/2006/relationships/tags" Target="../tags/tag96.xml"/><Relationship Id="rId59" Type="http://schemas.openxmlformats.org/officeDocument/2006/relationships/tags" Target="../tags/tag117.xml"/><Relationship Id="rId103" Type="http://schemas.openxmlformats.org/officeDocument/2006/relationships/tags" Target="../tags/tag161.xml"/><Relationship Id="rId108" Type="http://schemas.openxmlformats.org/officeDocument/2006/relationships/tags" Target="../tags/tag166.xml"/><Relationship Id="rId54" Type="http://schemas.openxmlformats.org/officeDocument/2006/relationships/tags" Target="../tags/tag112.xml"/><Relationship Id="rId70" Type="http://schemas.openxmlformats.org/officeDocument/2006/relationships/tags" Target="../tags/tag128.xml"/><Relationship Id="rId75" Type="http://schemas.openxmlformats.org/officeDocument/2006/relationships/tags" Target="../tags/tag133.xml"/><Relationship Id="rId91" Type="http://schemas.openxmlformats.org/officeDocument/2006/relationships/tags" Target="../tags/tag149.xml"/><Relationship Id="rId96" Type="http://schemas.openxmlformats.org/officeDocument/2006/relationships/tags" Target="../tags/tag154.xml"/><Relationship Id="rId1" Type="http://schemas.openxmlformats.org/officeDocument/2006/relationships/tags" Target="../tags/tag59.xml"/><Relationship Id="rId6" Type="http://schemas.openxmlformats.org/officeDocument/2006/relationships/tags" Target="../tags/tag64.xml"/><Relationship Id="rId15" Type="http://schemas.openxmlformats.org/officeDocument/2006/relationships/tags" Target="../tags/tag73.xml"/><Relationship Id="rId23" Type="http://schemas.openxmlformats.org/officeDocument/2006/relationships/tags" Target="../tags/tag81.xml"/><Relationship Id="rId28" Type="http://schemas.openxmlformats.org/officeDocument/2006/relationships/tags" Target="../tags/tag86.xml"/><Relationship Id="rId36" Type="http://schemas.openxmlformats.org/officeDocument/2006/relationships/tags" Target="../tags/tag94.xml"/><Relationship Id="rId49" Type="http://schemas.openxmlformats.org/officeDocument/2006/relationships/tags" Target="../tags/tag107.xml"/><Relationship Id="rId57" Type="http://schemas.openxmlformats.org/officeDocument/2006/relationships/tags" Target="../tags/tag115.xml"/><Relationship Id="rId106" Type="http://schemas.openxmlformats.org/officeDocument/2006/relationships/tags" Target="../tags/tag164.xml"/><Relationship Id="rId10" Type="http://schemas.openxmlformats.org/officeDocument/2006/relationships/tags" Target="../tags/tag68.xml"/><Relationship Id="rId31" Type="http://schemas.openxmlformats.org/officeDocument/2006/relationships/tags" Target="../tags/tag89.xml"/><Relationship Id="rId44" Type="http://schemas.openxmlformats.org/officeDocument/2006/relationships/tags" Target="../tags/tag102.xml"/><Relationship Id="rId52" Type="http://schemas.openxmlformats.org/officeDocument/2006/relationships/tags" Target="../tags/tag110.xml"/><Relationship Id="rId60" Type="http://schemas.openxmlformats.org/officeDocument/2006/relationships/tags" Target="../tags/tag118.xml"/><Relationship Id="rId65" Type="http://schemas.openxmlformats.org/officeDocument/2006/relationships/tags" Target="../tags/tag123.xml"/><Relationship Id="rId73" Type="http://schemas.openxmlformats.org/officeDocument/2006/relationships/tags" Target="../tags/tag131.xml"/><Relationship Id="rId78" Type="http://schemas.openxmlformats.org/officeDocument/2006/relationships/tags" Target="../tags/tag136.xml"/><Relationship Id="rId81" Type="http://schemas.openxmlformats.org/officeDocument/2006/relationships/tags" Target="../tags/tag139.xml"/><Relationship Id="rId86" Type="http://schemas.openxmlformats.org/officeDocument/2006/relationships/tags" Target="../tags/tag144.xml"/><Relationship Id="rId94" Type="http://schemas.openxmlformats.org/officeDocument/2006/relationships/tags" Target="../tags/tag152.xml"/><Relationship Id="rId99" Type="http://schemas.openxmlformats.org/officeDocument/2006/relationships/tags" Target="../tags/tag157.xml"/><Relationship Id="rId101" Type="http://schemas.openxmlformats.org/officeDocument/2006/relationships/tags" Target="../tags/tag159.xml"/><Relationship Id="rId4" Type="http://schemas.openxmlformats.org/officeDocument/2006/relationships/tags" Target="../tags/tag62.xml"/><Relationship Id="rId9" Type="http://schemas.openxmlformats.org/officeDocument/2006/relationships/tags" Target="../tags/tag67.xml"/><Relationship Id="rId13" Type="http://schemas.openxmlformats.org/officeDocument/2006/relationships/tags" Target="../tags/tag71.xml"/><Relationship Id="rId18" Type="http://schemas.openxmlformats.org/officeDocument/2006/relationships/tags" Target="../tags/tag76.xml"/><Relationship Id="rId39" Type="http://schemas.openxmlformats.org/officeDocument/2006/relationships/tags" Target="../tags/tag97.xml"/><Relationship Id="rId109" Type="http://schemas.openxmlformats.org/officeDocument/2006/relationships/tags" Target="../tags/tag167.xml"/><Relationship Id="rId34" Type="http://schemas.openxmlformats.org/officeDocument/2006/relationships/tags" Target="../tags/tag92.xml"/><Relationship Id="rId50" Type="http://schemas.openxmlformats.org/officeDocument/2006/relationships/tags" Target="../tags/tag108.xml"/><Relationship Id="rId55" Type="http://schemas.openxmlformats.org/officeDocument/2006/relationships/tags" Target="../tags/tag113.xml"/><Relationship Id="rId76" Type="http://schemas.openxmlformats.org/officeDocument/2006/relationships/tags" Target="../tags/tag134.xml"/><Relationship Id="rId97" Type="http://schemas.openxmlformats.org/officeDocument/2006/relationships/tags" Target="../tags/tag155.xml"/><Relationship Id="rId104" Type="http://schemas.openxmlformats.org/officeDocument/2006/relationships/tags" Target="../tags/tag162.xml"/><Relationship Id="rId7" Type="http://schemas.openxmlformats.org/officeDocument/2006/relationships/tags" Target="../tags/tag65.xml"/><Relationship Id="rId71" Type="http://schemas.openxmlformats.org/officeDocument/2006/relationships/tags" Target="../tags/tag129.xml"/><Relationship Id="rId92" Type="http://schemas.openxmlformats.org/officeDocument/2006/relationships/tags" Target="../tags/tag150.xml"/><Relationship Id="rId2" Type="http://schemas.openxmlformats.org/officeDocument/2006/relationships/tags" Target="../tags/tag60.xml"/><Relationship Id="rId29" Type="http://schemas.openxmlformats.org/officeDocument/2006/relationships/tags" Target="../tags/tag87.xml"/><Relationship Id="rId24" Type="http://schemas.openxmlformats.org/officeDocument/2006/relationships/tags" Target="../tags/tag82.xml"/><Relationship Id="rId40" Type="http://schemas.openxmlformats.org/officeDocument/2006/relationships/tags" Target="../tags/tag98.xml"/><Relationship Id="rId45" Type="http://schemas.openxmlformats.org/officeDocument/2006/relationships/tags" Target="../tags/tag103.xml"/><Relationship Id="rId66" Type="http://schemas.openxmlformats.org/officeDocument/2006/relationships/tags" Target="../tags/tag124.xml"/><Relationship Id="rId87" Type="http://schemas.openxmlformats.org/officeDocument/2006/relationships/tags" Target="../tags/tag145.xml"/><Relationship Id="rId110" Type="http://schemas.openxmlformats.org/officeDocument/2006/relationships/tags" Target="../tags/tag168.xml"/><Relationship Id="rId61" Type="http://schemas.openxmlformats.org/officeDocument/2006/relationships/tags" Target="../tags/tag119.xml"/><Relationship Id="rId82" Type="http://schemas.openxmlformats.org/officeDocument/2006/relationships/tags" Target="../tags/tag140.xml"/><Relationship Id="rId19" Type="http://schemas.openxmlformats.org/officeDocument/2006/relationships/tags" Target="../tags/tag77.xml"/><Relationship Id="rId14" Type="http://schemas.openxmlformats.org/officeDocument/2006/relationships/tags" Target="../tags/tag72.xml"/><Relationship Id="rId30" Type="http://schemas.openxmlformats.org/officeDocument/2006/relationships/tags" Target="../tags/tag88.xml"/><Relationship Id="rId35" Type="http://schemas.openxmlformats.org/officeDocument/2006/relationships/tags" Target="../tags/tag93.xml"/><Relationship Id="rId56" Type="http://schemas.openxmlformats.org/officeDocument/2006/relationships/tags" Target="../tags/tag114.xml"/><Relationship Id="rId77" Type="http://schemas.openxmlformats.org/officeDocument/2006/relationships/tags" Target="../tags/tag135.xml"/><Relationship Id="rId100" Type="http://schemas.openxmlformats.org/officeDocument/2006/relationships/tags" Target="../tags/tag158.xml"/><Relationship Id="rId105" Type="http://schemas.openxmlformats.org/officeDocument/2006/relationships/tags" Target="../tags/tag163.xml"/><Relationship Id="rId8" Type="http://schemas.openxmlformats.org/officeDocument/2006/relationships/tags" Target="../tags/tag66.xml"/><Relationship Id="rId51" Type="http://schemas.openxmlformats.org/officeDocument/2006/relationships/tags" Target="../tags/tag109.xml"/><Relationship Id="rId72" Type="http://schemas.openxmlformats.org/officeDocument/2006/relationships/tags" Target="../tags/tag130.xml"/><Relationship Id="rId93" Type="http://schemas.openxmlformats.org/officeDocument/2006/relationships/tags" Target="../tags/tag151.xml"/><Relationship Id="rId98" Type="http://schemas.openxmlformats.org/officeDocument/2006/relationships/tags" Target="../tags/tag156.xml"/><Relationship Id="rId3" Type="http://schemas.openxmlformats.org/officeDocument/2006/relationships/tags" Target="../tags/tag61.xml"/><Relationship Id="rId25" Type="http://schemas.openxmlformats.org/officeDocument/2006/relationships/tags" Target="../tags/tag83.xml"/><Relationship Id="rId46" Type="http://schemas.openxmlformats.org/officeDocument/2006/relationships/tags" Target="../tags/tag104.xml"/><Relationship Id="rId67" Type="http://schemas.openxmlformats.org/officeDocument/2006/relationships/tags" Target="../tags/tag125.xml"/><Relationship Id="rId20" Type="http://schemas.openxmlformats.org/officeDocument/2006/relationships/tags" Target="../tags/tag78.xml"/><Relationship Id="rId41" Type="http://schemas.openxmlformats.org/officeDocument/2006/relationships/tags" Target="../tags/tag99.xml"/><Relationship Id="rId62" Type="http://schemas.openxmlformats.org/officeDocument/2006/relationships/tags" Target="../tags/tag120.xml"/><Relationship Id="rId83" Type="http://schemas.openxmlformats.org/officeDocument/2006/relationships/tags" Target="../tags/tag141.xml"/><Relationship Id="rId88" Type="http://schemas.openxmlformats.org/officeDocument/2006/relationships/tags" Target="../tags/tag146.xml"/><Relationship Id="rId111" Type="http://schemas.openxmlformats.org/officeDocument/2006/relationships/tags" Target="../tags/tag16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tiff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tiff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8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8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hyperlink" Target="https://github.com/CSSEGISandData/COVID-19" TargetMode="Externa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Status of the ESS</a:t>
            </a:r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9D51EF2D-F832-4781-89C3-3F5E4843BF4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Plans for operation and impact of COVID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D26DA0E2-82BB-493E-9B68-2D93A245C5B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GB" dirty="0"/>
              <a:t>PRESENTED BY Marc Munoz, on behalf of the ESS Team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30E777A6-9513-43F3-BB24-ED0539ADDD88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1930395" y="6117873"/>
            <a:ext cx="3215183" cy="459883"/>
          </a:xfrm>
        </p:spPr>
        <p:txBody>
          <a:bodyPr/>
          <a:lstStyle/>
          <a:p>
            <a:fld id="{18896B66-0B3A-474C-9C9C-E4F07B1F5DAD}" type="datetime1">
              <a:rPr lang="sv-SE" sz="1200" b="1">
                <a:solidFill>
                  <a:schemeClr val="bg1"/>
                </a:solidFill>
              </a:rPr>
              <a:pPr/>
              <a:t>2021-10-07</a:t>
            </a:fld>
            <a:endParaRPr lang="en-GB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1996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>
            <a:extLst>
              <a:ext uri="{FF2B5EF4-FFF2-40B4-BE49-F238E27FC236}">
                <a16:creationId xmlns:a16="http://schemas.microsoft.com/office/drawing/2014/main" id="{A80EB462-51DA-4676-97D2-55C137B2405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7834" y="17605"/>
            <a:ext cx="11336332" cy="4915586"/>
          </a:xfrm>
          <a:prstGeom prst="rect">
            <a:avLst/>
          </a:prstGeom>
        </p:spPr>
      </p:pic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A9C448-E2F3-4EA3-B506-A9FA2683DF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13C49A1-EF2D-4348-B090-460D2DBF4B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8814633-B8D3-4591-833F-95CAA23568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3DE146AF-ECED-4DB4-B8FD-A8AC9BF5BEAE}"/>
              </a:ext>
            </a:extLst>
          </p:cNvPr>
          <p:cNvGrpSpPr/>
          <p:nvPr/>
        </p:nvGrpSpPr>
        <p:grpSpPr>
          <a:xfrm>
            <a:off x="325963" y="71037"/>
            <a:ext cx="4014984" cy="3265603"/>
            <a:chOff x="325963" y="71037"/>
            <a:chExt cx="4014984" cy="3265603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1ADB23B3-1367-4257-A717-DBC9FB163A4E}"/>
                </a:ext>
              </a:extLst>
            </p:cNvPr>
            <p:cNvSpPr/>
            <p:nvPr/>
          </p:nvSpPr>
          <p:spPr>
            <a:xfrm>
              <a:off x="464327" y="71037"/>
              <a:ext cx="3876620" cy="2462213"/>
            </a:xfrm>
            <a:prstGeom prst="rect">
              <a:avLst/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wrap="square">
              <a:spAutoFit/>
            </a:bodyPr>
            <a:lstStyle/>
            <a:p>
              <a:pPr>
                <a:buFont typeface="Arial" panose="020B0604020202020204" pitchFamily="34" charset="0"/>
                <a:buChar char="•"/>
              </a:pPr>
              <a:r>
                <a:rPr lang="en-GB" sz="1400" dirty="0"/>
                <a:t>Work from Home was implemented the 15/3/2020: </a:t>
              </a:r>
            </a:p>
            <a:p>
              <a:pPr lvl="1">
                <a:buFont typeface="Arial" panose="020B0604020202020204" pitchFamily="34" charset="0"/>
                <a:buChar char="•"/>
              </a:pPr>
              <a:r>
                <a:rPr lang="en-GB" sz="1400" dirty="0"/>
                <a:t>Only installation work at the ESS site</a:t>
              </a:r>
            </a:p>
            <a:p>
              <a:pPr lvl="1">
                <a:buFont typeface="Arial" panose="020B0604020202020204" pitchFamily="34" charset="0"/>
                <a:buChar char="•"/>
              </a:pPr>
              <a:r>
                <a:rPr lang="en-GB" sz="1400" dirty="0"/>
                <a:t>TS2 Operation on site</a:t>
              </a:r>
            </a:p>
            <a:p>
              <a:pPr lvl="1">
                <a:buFont typeface="Arial" panose="020B0604020202020204" pitchFamily="34" charset="0"/>
                <a:buChar char="•"/>
              </a:pPr>
              <a:r>
                <a:rPr lang="en-GB" sz="1400" dirty="0" err="1"/>
                <a:t>Cryo</a:t>
              </a:r>
              <a:r>
                <a:rPr lang="en-GB" sz="1400" dirty="0"/>
                <a:t> operation on site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400" dirty="0"/>
                <a:t>Mask on site 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400" dirty="0"/>
                <a:t>Travels to and from ESS were severely restricted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400" dirty="0"/>
                <a:t>Limited occupancy of the Local Control Room </a:t>
              </a:r>
            </a:p>
            <a:p>
              <a:pPr>
                <a:buFont typeface="Arial" panose="020B0604020202020204" pitchFamily="34" charset="0"/>
                <a:buChar char="•"/>
              </a:pPr>
              <a:r>
                <a:rPr lang="en-GB" sz="1400" dirty="0"/>
                <a:t>Skanska kept working on the site the whole pandemic</a:t>
              </a:r>
            </a:p>
          </p:txBody>
        </p:sp>
        <p:sp>
          <p:nvSpPr>
            <p:cNvPr id="13" name="Arrow: Right 12">
              <a:extLst>
                <a:ext uri="{FF2B5EF4-FFF2-40B4-BE49-F238E27FC236}">
                  <a16:creationId xmlns:a16="http://schemas.microsoft.com/office/drawing/2014/main" id="{E15379AF-FACA-4DF1-AA2D-C512A0855660}"/>
                </a:ext>
              </a:extLst>
            </p:cNvPr>
            <p:cNvSpPr/>
            <p:nvPr/>
          </p:nvSpPr>
          <p:spPr>
            <a:xfrm rot="5400000">
              <a:off x="199569" y="2659644"/>
              <a:ext cx="803390" cy="550601"/>
            </a:xfrm>
            <a:prstGeom prst="rightArrow">
              <a:avLst>
                <a:gd name="adj1" fmla="val 50000"/>
                <a:gd name="adj2" fmla="val 86055"/>
              </a:avLst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5" name="Rectangle 14">
            <a:extLst>
              <a:ext uri="{FF2B5EF4-FFF2-40B4-BE49-F238E27FC236}">
                <a16:creationId xmlns:a16="http://schemas.microsoft.com/office/drawing/2014/main" id="{ABDBD039-6E1A-4E66-B1C5-5A375DDDB1BE}"/>
              </a:ext>
            </a:extLst>
          </p:cNvPr>
          <p:cNvSpPr/>
          <p:nvPr/>
        </p:nvSpPr>
        <p:spPr>
          <a:xfrm>
            <a:off x="325964" y="4974159"/>
            <a:ext cx="4517097" cy="1600438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After summer 2020 very limited work at the offices and labs was allowed for some groups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Mask on site and offic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Occasional COVID test after vacatio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Increased in the rate of installation work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Still, not travel from/to ES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TS2 and </a:t>
            </a:r>
            <a:r>
              <a:rPr lang="en-GB" sz="1400" dirty="0" err="1"/>
              <a:t>Cryo</a:t>
            </a:r>
            <a:r>
              <a:rPr lang="en-GB" sz="1400" dirty="0"/>
              <a:t> Operation on site</a:t>
            </a:r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BAFFA06F-0173-4968-A5D6-EDEE2FB43D16}"/>
              </a:ext>
            </a:extLst>
          </p:cNvPr>
          <p:cNvSpPr/>
          <p:nvPr/>
        </p:nvSpPr>
        <p:spPr>
          <a:xfrm rot="16200000">
            <a:off x="3091880" y="3865035"/>
            <a:ext cx="1692575" cy="550601"/>
          </a:xfrm>
          <a:prstGeom prst="rightArrow">
            <a:avLst>
              <a:gd name="adj1" fmla="val 50000"/>
              <a:gd name="adj2" fmla="val 86055"/>
            </a:avLst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D8B723D-AA94-4EE1-BF35-FEAF3D68A3B1}"/>
              </a:ext>
            </a:extLst>
          </p:cNvPr>
          <p:cNvSpPr/>
          <p:nvPr/>
        </p:nvSpPr>
        <p:spPr>
          <a:xfrm>
            <a:off x="4377440" y="17606"/>
            <a:ext cx="5121492" cy="1384995"/>
          </a:xfrm>
          <a:prstGeom prst="rect">
            <a:avLst/>
          </a:prstGeom>
          <a:solidFill>
            <a:srgbClr val="92D050"/>
          </a:solidFill>
        </p:spPr>
        <p:txBody>
          <a:bodyPr wrap="square">
            <a:sp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ESS staff moved to the finished ESS office building and lab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Increased in the rate of installation work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Finished installation of the RFQ with help from CE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RFQ conditionin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Creation of a second Local Control Room  to conduct conditioning and commissioning</a:t>
            </a:r>
          </a:p>
        </p:txBody>
      </p:sp>
      <p:sp>
        <p:nvSpPr>
          <p:cNvPr id="21" name="Arrow: Right 20">
            <a:extLst>
              <a:ext uri="{FF2B5EF4-FFF2-40B4-BE49-F238E27FC236}">
                <a16:creationId xmlns:a16="http://schemas.microsoft.com/office/drawing/2014/main" id="{F618B0A2-E07B-4D97-9C47-773B88073310}"/>
              </a:ext>
            </a:extLst>
          </p:cNvPr>
          <p:cNvSpPr/>
          <p:nvPr/>
        </p:nvSpPr>
        <p:spPr>
          <a:xfrm rot="5400000">
            <a:off x="5854445" y="1644156"/>
            <a:ext cx="1033711" cy="550601"/>
          </a:xfrm>
          <a:prstGeom prst="rightArrow">
            <a:avLst>
              <a:gd name="adj1" fmla="val 50000"/>
              <a:gd name="adj2" fmla="val 86055"/>
            </a:avLst>
          </a:prstGeom>
          <a:solidFill>
            <a:srgbClr val="92D050"/>
          </a:solidFill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AE83E524-871D-4EEC-9E3F-C1B4C3FA9FFC}"/>
              </a:ext>
            </a:extLst>
          </p:cNvPr>
          <p:cNvSpPr/>
          <p:nvPr/>
        </p:nvSpPr>
        <p:spPr>
          <a:xfrm>
            <a:off x="5941595" y="4987765"/>
            <a:ext cx="6096000" cy="138499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Increased occupancy, but still limited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Mask usage reduced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Start to ease the visit requirement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Weekly COVID tes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29 Sept 2021 Swedish government lift restrictions (still recommendations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sz="1400" dirty="0"/>
              <a:t>15 October 50% occupancy</a:t>
            </a:r>
          </a:p>
        </p:txBody>
      </p:sp>
      <p:sp>
        <p:nvSpPr>
          <p:cNvPr id="23" name="Arrow: Right 22">
            <a:extLst>
              <a:ext uri="{FF2B5EF4-FFF2-40B4-BE49-F238E27FC236}">
                <a16:creationId xmlns:a16="http://schemas.microsoft.com/office/drawing/2014/main" id="{F8C88DBF-916B-4E1B-ABEE-51A57E4A1893}"/>
              </a:ext>
            </a:extLst>
          </p:cNvPr>
          <p:cNvSpPr/>
          <p:nvPr/>
        </p:nvSpPr>
        <p:spPr>
          <a:xfrm rot="16200000">
            <a:off x="10264135" y="3852000"/>
            <a:ext cx="1693717" cy="550601"/>
          </a:xfrm>
          <a:prstGeom prst="rightArrow">
            <a:avLst>
              <a:gd name="adj1" fmla="val 50000"/>
              <a:gd name="adj2" fmla="val 86055"/>
            </a:avLst>
          </a:prstGeom>
          <a:solidFill>
            <a:schemeClr val="accent1">
              <a:lumMod val="20000"/>
              <a:lumOff val="80000"/>
            </a:schemeClr>
          </a:solidFill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359D8A93-6A46-4E79-B5BE-6D47E0DA2A5B}"/>
              </a:ext>
            </a:extLst>
          </p:cNvPr>
          <p:cNvSpPr/>
          <p:nvPr/>
        </p:nvSpPr>
        <p:spPr>
          <a:xfrm>
            <a:off x="1195647" y="4203773"/>
            <a:ext cx="10001457" cy="92333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0" cap="none" spc="0" dirty="0">
                <a:ln w="0"/>
                <a:solidFill>
                  <a:schemeClr val="accent1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</a:rPr>
              <a:t>How all this affect the schedule?</a:t>
            </a:r>
          </a:p>
        </p:txBody>
      </p:sp>
    </p:spTree>
    <p:extLst>
      <p:ext uri="{BB962C8B-B14F-4D97-AF65-F5344CB8AC3E}">
        <p14:creationId xmlns:p14="http://schemas.microsoft.com/office/powerpoint/2010/main" val="7108880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92D9EF-583E-5C47-91A6-7A5A7DF6DF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ID cases at ESS - 2021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B02EE60-DB16-4C4B-AF77-6FD3BB3403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C76D831-7A20-7E4B-9B06-D38DCD3F94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4EBEEEC-A74E-5A47-B259-E71050DA1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91910EC-44B7-704A-9314-F4A856220C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62646" y="793293"/>
            <a:ext cx="10888494" cy="5271414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18279839-F69A-F549-94C4-DF2CAB85DC01}"/>
              </a:ext>
            </a:extLst>
          </p:cNvPr>
          <p:cNvSpPr/>
          <p:nvPr/>
        </p:nvSpPr>
        <p:spPr>
          <a:xfrm>
            <a:off x="5783709" y="1491457"/>
            <a:ext cx="5693414" cy="1200329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en-GB" dirty="0">
                <a:solidFill>
                  <a:srgbClr val="7A869A"/>
                </a:solidFill>
                <a:latin typeface="-apple-system"/>
              </a:rPr>
              <a:t>The total number includes ESS employees and consultants (working on ESS premises or from home), and everybody working on ESS premises: In-Kind partners, Skanska, contractor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3384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7241CD55-FD46-49C4-BE56-E19722D0B2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L plan pre-COVID (Rev. Dec 2019)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E63C7849-AF2E-4B1D-870C-6CA23903D8F8}"/>
              </a:ext>
            </a:extLst>
          </p:cNvPr>
          <p:cNvGrpSpPr/>
          <p:nvPr/>
        </p:nvGrpSpPr>
        <p:grpSpPr>
          <a:xfrm>
            <a:off x="552695" y="1480619"/>
            <a:ext cx="11081731" cy="3343656"/>
            <a:chOff x="844465" y="2091944"/>
            <a:chExt cx="11081731" cy="3343656"/>
          </a:xfrm>
        </p:grpSpPr>
        <p:cxnSp>
          <p:nvCxnSpPr>
            <p:cNvPr id="11" name="OTLSHAPE_M_7cc8cdcf84674f44b75221549bad1f98_Connector1">
              <a:extLst>
                <a:ext uri="{FF2B5EF4-FFF2-40B4-BE49-F238E27FC236}">
                  <a16:creationId xmlns:a16="http://schemas.microsoft.com/office/drawing/2014/main" id="{A14B7EFE-7F3B-4021-B5C1-308431176387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9521102" y="2689691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OTLSHAPE_M_25c1972ce4164456a75acf1712a734fe_Connector1">
              <a:extLst>
                <a:ext uri="{FF2B5EF4-FFF2-40B4-BE49-F238E27FC236}">
                  <a16:creationId xmlns:a16="http://schemas.microsoft.com/office/drawing/2014/main" id="{066696EA-9424-48AD-B08D-FD306A27888D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6408092" y="2689691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" name="OTLSHAPE_M_9a7188a0f32141eeb9322d6b23b76b7f_Connector1">
              <a:extLst>
                <a:ext uri="{FF2B5EF4-FFF2-40B4-BE49-F238E27FC236}">
                  <a16:creationId xmlns:a16="http://schemas.microsoft.com/office/drawing/2014/main" id="{A23E1BCC-66C5-473C-A602-15BBC980603B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6018966" y="2404872"/>
              <a:ext cx="0" cy="643128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OTLSHAPE_M_ad6f1663311449529dfc7d06897013c9_Connector1">
              <a:extLst>
                <a:ext uri="{FF2B5EF4-FFF2-40B4-BE49-F238E27FC236}">
                  <a16:creationId xmlns:a16="http://schemas.microsoft.com/office/drawing/2014/main" id="{2FF1D7FA-EE27-4268-8C3C-2AA7A0708039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5240714" y="2120053"/>
              <a:ext cx="0" cy="927947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5" name="OTLSHAPE_TB_00000000000000000000000000000000_RightEndCaps">
              <a:extLst>
                <a:ext uri="{FF2B5EF4-FFF2-40B4-BE49-F238E27FC236}">
                  <a16:creationId xmlns:a16="http://schemas.microsoft.com/office/drawing/2014/main" id="{60D8DEE7-0E46-4720-AACF-CCEBA35C02B1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11474534" y="30989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38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020</a:t>
              </a:r>
            </a:p>
          </p:txBody>
        </p:sp>
        <p:sp>
          <p:nvSpPr>
            <p:cNvPr id="16" name="OTLSHAPE_TB_00000000000000000000000000000000_ScaleContainer">
              <a:extLst>
                <a:ext uri="{FF2B5EF4-FFF2-40B4-BE49-F238E27FC236}">
                  <a16:creationId xmlns:a16="http://schemas.microsoft.com/office/drawing/2014/main" id="{D512C4FC-7EB4-41D3-998E-C3318094A7D3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" name="OTLSHAPE_TB_00000000000000000000000000000000_TimescaleInterval1">
              <a:extLst>
                <a:ext uri="{FF2B5EF4-FFF2-40B4-BE49-F238E27FC236}">
                  <a16:creationId xmlns:a16="http://schemas.microsoft.com/office/drawing/2014/main" id="{F3F2D335-C19F-4799-96EB-3A44E03FDDA2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1073065" y="314547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an</a:t>
              </a:r>
            </a:p>
          </p:txBody>
        </p:sp>
        <p:cxnSp>
          <p:nvCxnSpPr>
            <p:cNvPr id="18" name="OTLSHAPE_TB_00000000000000000000000000000000_Separator1">
              <a:extLst>
                <a:ext uri="{FF2B5EF4-FFF2-40B4-BE49-F238E27FC236}">
                  <a16:creationId xmlns:a16="http://schemas.microsoft.com/office/drawing/2014/main" id="{CA58D9D9-D6CE-44DC-BA72-65C72AD4A378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871201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" name="OTLSHAPE_TB_00000000000000000000000000000000_TimescaleInterval2">
              <a:extLst>
                <a:ext uri="{FF2B5EF4-FFF2-40B4-BE49-F238E27FC236}">
                  <a16:creationId xmlns:a16="http://schemas.microsoft.com/office/drawing/2014/main" id="{4EB4108F-B7AA-4BDC-8FB7-3E46F988A91D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934702" y="3145473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Feb</a:t>
              </a:r>
            </a:p>
          </p:txBody>
        </p:sp>
        <p:cxnSp>
          <p:nvCxnSpPr>
            <p:cNvPr id="20" name="OTLSHAPE_TB_00000000000000000000000000000000_Separator2">
              <a:extLst>
                <a:ext uri="{FF2B5EF4-FFF2-40B4-BE49-F238E27FC236}">
                  <a16:creationId xmlns:a16="http://schemas.microsoft.com/office/drawing/2014/main" id="{3A31319E-A9FD-48EB-9FEC-EBB98617194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2677249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1" name="OTLSHAPE_TB_00000000000000000000000000000000_TimescaleInterval3">
              <a:extLst>
                <a:ext uri="{FF2B5EF4-FFF2-40B4-BE49-F238E27FC236}">
                  <a16:creationId xmlns:a16="http://schemas.microsoft.com/office/drawing/2014/main" id="{DDE9AAB5-1A09-421F-BBDF-7790FF4E451A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2740749" y="314547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Mar</a:t>
              </a:r>
            </a:p>
          </p:txBody>
        </p:sp>
        <p:cxnSp>
          <p:nvCxnSpPr>
            <p:cNvPr id="22" name="OTLSHAPE_TB_00000000000000000000000000000000_Separator3">
              <a:extLst>
                <a:ext uri="{FF2B5EF4-FFF2-40B4-BE49-F238E27FC236}">
                  <a16:creationId xmlns:a16="http://schemas.microsoft.com/office/drawing/2014/main" id="{3DDDBAD2-B96F-42AF-B808-6FAD7ADFC533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3538885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3" name="OTLSHAPE_TB_00000000000000000000000000000000_TimescaleInterval4">
              <a:extLst>
                <a:ext uri="{FF2B5EF4-FFF2-40B4-BE49-F238E27FC236}">
                  <a16:creationId xmlns:a16="http://schemas.microsoft.com/office/drawing/2014/main" id="{91D5455C-4839-4149-9721-B7E242145C6E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602386" y="3145473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Apr</a:t>
              </a:r>
            </a:p>
          </p:txBody>
        </p:sp>
        <p:cxnSp>
          <p:nvCxnSpPr>
            <p:cNvPr id="24" name="OTLSHAPE_TB_00000000000000000000000000000000_Separator4">
              <a:extLst>
                <a:ext uri="{FF2B5EF4-FFF2-40B4-BE49-F238E27FC236}">
                  <a16:creationId xmlns:a16="http://schemas.microsoft.com/office/drawing/2014/main" id="{03FC5903-704D-4E9E-8680-AA59A594C9C5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372727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5" name="OTLSHAPE_TB_00000000000000000000000000000000_TimescaleInterval5">
              <a:extLst>
                <a:ext uri="{FF2B5EF4-FFF2-40B4-BE49-F238E27FC236}">
                  <a16:creationId xmlns:a16="http://schemas.microsoft.com/office/drawing/2014/main" id="{FAAD9187-949C-4CBD-83A4-9346BFA8090A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436227" y="314547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May</a:t>
              </a:r>
            </a:p>
          </p:txBody>
        </p:sp>
        <p:cxnSp>
          <p:nvCxnSpPr>
            <p:cNvPr id="26" name="OTLSHAPE_TB_00000000000000000000000000000000_Separator5">
              <a:extLst>
                <a:ext uri="{FF2B5EF4-FFF2-40B4-BE49-F238E27FC236}">
                  <a16:creationId xmlns:a16="http://schemas.microsoft.com/office/drawing/2014/main" id="{36CF993B-61EA-4EAD-8605-6C2E33E15DAA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5234363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7" name="OTLSHAPE_TB_00000000000000000000000000000000_TimescaleInterval6">
              <a:extLst>
                <a:ext uri="{FF2B5EF4-FFF2-40B4-BE49-F238E27FC236}">
                  <a16:creationId xmlns:a16="http://schemas.microsoft.com/office/drawing/2014/main" id="{2E5FAA93-BA28-4492-A0DC-EA6E4DC4705B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297864" y="3145473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un</a:t>
              </a:r>
            </a:p>
          </p:txBody>
        </p:sp>
        <p:cxnSp>
          <p:nvCxnSpPr>
            <p:cNvPr id="28" name="OTLSHAPE_TB_00000000000000000000000000000000_Separator6">
              <a:extLst>
                <a:ext uri="{FF2B5EF4-FFF2-40B4-BE49-F238E27FC236}">
                  <a16:creationId xmlns:a16="http://schemas.microsoft.com/office/drawing/2014/main" id="{3360112D-A3EE-4CC2-AE99-FCA4F368152F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068205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29" name="OTLSHAPE_TB_00000000000000000000000000000000_TimescaleInterval7">
              <a:extLst>
                <a:ext uri="{FF2B5EF4-FFF2-40B4-BE49-F238E27FC236}">
                  <a16:creationId xmlns:a16="http://schemas.microsoft.com/office/drawing/2014/main" id="{9B6826D7-3DDA-44BF-91FE-3D58EE72D36A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6131706" y="314547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ul</a:t>
              </a:r>
            </a:p>
          </p:txBody>
        </p:sp>
        <p:cxnSp>
          <p:nvCxnSpPr>
            <p:cNvPr id="30" name="OTLSHAPE_TB_00000000000000000000000000000000_Separator7">
              <a:extLst>
                <a:ext uri="{FF2B5EF4-FFF2-40B4-BE49-F238E27FC236}">
                  <a16:creationId xmlns:a16="http://schemas.microsoft.com/office/drawing/2014/main" id="{E2029ADA-79EB-42F8-841C-2B879C500333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929841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1" name="OTLSHAPE_TB_00000000000000000000000000000000_TimescaleInterval8">
              <a:extLst>
                <a:ext uri="{FF2B5EF4-FFF2-40B4-BE49-F238E27FC236}">
                  <a16:creationId xmlns:a16="http://schemas.microsoft.com/office/drawing/2014/main" id="{AD9D121E-3624-4B9A-89FF-38C3838FC056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993342" y="3145473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Aug</a:t>
              </a:r>
            </a:p>
          </p:txBody>
        </p:sp>
        <p:cxnSp>
          <p:nvCxnSpPr>
            <p:cNvPr id="32" name="OTLSHAPE_TB_00000000000000000000000000000000_Separator8">
              <a:extLst>
                <a:ext uri="{FF2B5EF4-FFF2-40B4-BE49-F238E27FC236}">
                  <a16:creationId xmlns:a16="http://schemas.microsoft.com/office/drawing/2014/main" id="{B97A71D1-098E-4D65-93AC-A7184BC3EFB3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7791478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3" name="OTLSHAPE_TB_00000000000000000000000000000000_TimescaleInterval9">
              <a:extLst>
                <a:ext uri="{FF2B5EF4-FFF2-40B4-BE49-F238E27FC236}">
                  <a16:creationId xmlns:a16="http://schemas.microsoft.com/office/drawing/2014/main" id="{615DD191-6FCD-4985-A609-A9C98B5DBE64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7854979" y="314547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Sep</a:t>
              </a:r>
            </a:p>
          </p:txBody>
        </p:sp>
        <p:cxnSp>
          <p:nvCxnSpPr>
            <p:cNvPr id="34" name="OTLSHAPE_TB_00000000000000000000000000000000_Separator9">
              <a:extLst>
                <a:ext uri="{FF2B5EF4-FFF2-40B4-BE49-F238E27FC236}">
                  <a16:creationId xmlns:a16="http://schemas.microsoft.com/office/drawing/2014/main" id="{885E9465-28AE-4193-80EB-4B41C849C3FA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8625320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5" name="OTLSHAPE_TB_00000000000000000000000000000000_TimescaleInterval10">
              <a:extLst>
                <a:ext uri="{FF2B5EF4-FFF2-40B4-BE49-F238E27FC236}">
                  <a16:creationId xmlns:a16="http://schemas.microsoft.com/office/drawing/2014/main" id="{FC08A4BA-6135-4EFA-806F-0057E083E850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8688820" y="3145473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Oct</a:t>
              </a:r>
            </a:p>
          </p:txBody>
        </p:sp>
        <p:cxnSp>
          <p:nvCxnSpPr>
            <p:cNvPr id="36" name="OTLSHAPE_TB_00000000000000000000000000000000_Separator10">
              <a:extLst>
                <a:ext uri="{FF2B5EF4-FFF2-40B4-BE49-F238E27FC236}">
                  <a16:creationId xmlns:a16="http://schemas.microsoft.com/office/drawing/2014/main" id="{C201ACD7-EF55-46C6-B78C-27ADADB74A9B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9486957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7" name="OTLSHAPE_TB_00000000000000000000000000000000_TimescaleInterval11">
              <a:extLst>
                <a:ext uri="{FF2B5EF4-FFF2-40B4-BE49-F238E27FC236}">
                  <a16:creationId xmlns:a16="http://schemas.microsoft.com/office/drawing/2014/main" id="{F31BFD02-CCB1-44F8-A532-BB156E14603C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9550457" y="314547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Nov</a:t>
              </a:r>
            </a:p>
          </p:txBody>
        </p:sp>
        <p:cxnSp>
          <p:nvCxnSpPr>
            <p:cNvPr id="38" name="OTLSHAPE_TB_00000000000000000000000000000000_Separator11">
              <a:extLst>
                <a:ext uri="{FF2B5EF4-FFF2-40B4-BE49-F238E27FC236}">
                  <a16:creationId xmlns:a16="http://schemas.microsoft.com/office/drawing/2014/main" id="{C1624B89-E978-4F44-AA22-D6F2375D1FFD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10320798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9" name="OTLSHAPE_TB_00000000000000000000000000000000_TimescaleInterval12">
              <a:extLst>
                <a:ext uri="{FF2B5EF4-FFF2-40B4-BE49-F238E27FC236}">
                  <a16:creationId xmlns:a16="http://schemas.microsoft.com/office/drawing/2014/main" id="{3914553C-6C08-4D17-A0BB-81BDFA67FAFA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10384299" y="3145473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Dec</a:t>
              </a:r>
            </a:p>
          </p:txBody>
        </p:sp>
        <p:sp>
          <p:nvSpPr>
            <p:cNvPr id="40" name="OTLSHAPE_M_ad6f1663311449529dfc7d06897013c9_Title">
              <a:extLst>
                <a:ext uri="{FF2B5EF4-FFF2-40B4-BE49-F238E27FC236}">
                  <a16:creationId xmlns:a16="http://schemas.microsoft.com/office/drawing/2014/main" id="{09830507-D2FC-451B-8BF2-6231B5B8024D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5462964" y="2091944"/>
              <a:ext cx="1473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tart of RFQ Conditioning</a:t>
              </a:r>
            </a:p>
          </p:txBody>
        </p:sp>
        <p:sp>
          <p:nvSpPr>
            <p:cNvPr id="41" name="OTLSHAPE_M_ad6f1663311449529dfc7d06897013c9_Shape">
              <a:extLst>
                <a:ext uri="{FF2B5EF4-FFF2-40B4-BE49-F238E27FC236}">
                  <a16:creationId xmlns:a16="http://schemas.microsoft.com/office/drawing/2014/main" id="{3A0387A4-85C9-4CC6-84C9-288D336284C4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 rot="16200000">
              <a:off x="5266114" y="2120053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OTLSHAPE_M_9a7188a0f32141eeb9322d6b23b76b7f_Title">
              <a:extLst>
                <a:ext uri="{FF2B5EF4-FFF2-40B4-BE49-F238E27FC236}">
                  <a16:creationId xmlns:a16="http://schemas.microsoft.com/office/drawing/2014/main" id="{FA96827B-E555-420D-ABC5-B9F1CF5F110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241216" y="2376763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A</a:t>
              </a:r>
            </a:p>
          </p:txBody>
        </p:sp>
        <p:sp>
          <p:nvSpPr>
            <p:cNvPr id="43" name="OTLSHAPE_M_9a7188a0f32141eeb9322d6b23b76b7f_Shape">
              <a:extLst>
                <a:ext uri="{FF2B5EF4-FFF2-40B4-BE49-F238E27FC236}">
                  <a16:creationId xmlns:a16="http://schemas.microsoft.com/office/drawing/2014/main" id="{13081169-2851-467B-B0D6-A455F0E29FDB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6044366" y="2404872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" name="OTLSHAPE_M_25c1972ce4164456a75acf1712a734fe_Title">
              <a:extLst>
                <a:ext uri="{FF2B5EF4-FFF2-40B4-BE49-F238E27FC236}">
                  <a16:creationId xmlns:a16="http://schemas.microsoft.com/office/drawing/2014/main" id="{F501BDEC-1231-4681-A402-5E04E0F34A8B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630342" y="2661581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tart of Beam Commissioning</a:t>
              </a:r>
            </a:p>
          </p:txBody>
        </p:sp>
        <p:sp>
          <p:nvSpPr>
            <p:cNvPr id="45" name="OTLSHAPE_M_25c1972ce4164456a75acf1712a734fe_Shape">
              <a:extLst>
                <a:ext uri="{FF2B5EF4-FFF2-40B4-BE49-F238E27FC236}">
                  <a16:creationId xmlns:a16="http://schemas.microsoft.com/office/drawing/2014/main" id="{F5620FB4-30C4-4DFB-A145-AC7A96414AA1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 rot="16200000">
              <a:off x="6433492" y="2689691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" name="OTLSHAPE_M_7cc8cdcf84674f44b75221549bad1f98_Title">
              <a:extLst>
                <a:ext uri="{FF2B5EF4-FFF2-40B4-BE49-F238E27FC236}">
                  <a16:creationId xmlns:a16="http://schemas.microsoft.com/office/drawing/2014/main" id="{ADEC464C-31A2-46EA-83B5-A532AFBA4629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9743352" y="2661581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B</a:t>
              </a:r>
            </a:p>
          </p:txBody>
        </p:sp>
        <p:sp>
          <p:nvSpPr>
            <p:cNvPr id="47" name="OTLSHAPE_M_7cc8cdcf84674f44b75221549bad1f98_Shape">
              <a:extLst>
                <a:ext uri="{FF2B5EF4-FFF2-40B4-BE49-F238E27FC236}">
                  <a16:creationId xmlns:a16="http://schemas.microsoft.com/office/drawing/2014/main" id="{C44CBE18-0699-496F-B036-2F4E9AC0ACB0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 rot="16200000">
              <a:off x="9546502" y="2689691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" name="OTLSHAPE_T_ee8769ba7cf94f2c88c9941289952d4b_Shape">
              <a:extLst>
                <a:ext uri="{FF2B5EF4-FFF2-40B4-BE49-F238E27FC236}">
                  <a16:creationId xmlns:a16="http://schemas.microsoft.com/office/drawing/2014/main" id="{7E7691BA-E5B3-4FA9-9901-4501ABAC0AB3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5262139" y="3632200"/>
              <a:ext cx="7874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9" name="OTLSHAPE_T_ee8769ba7cf94f2c88c9941289952d4b_Title">
              <a:extLst>
                <a:ext uri="{FF2B5EF4-FFF2-40B4-BE49-F238E27FC236}">
                  <a16:creationId xmlns:a16="http://schemas.microsoft.com/office/drawing/2014/main" id="{FDA9FF84-072A-4201-B49C-B878AB019854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201520" y="3648540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FQ Conditioning</a:t>
              </a:r>
            </a:p>
          </p:txBody>
        </p:sp>
        <p:sp>
          <p:nvSpPr>
            <p:cNvPr id="50" name="OTLSHAPE_T_ee8769ba7cf94f2c88c9941289952d4b_Duration">
              <a:extLst>
                <a:ext uri="{FF2B5EF4-FFF2-40B4-BE49-F238E27FC236}">
                  <a16:creationId xmlns:a16="http://schemas.microsoft.com/office/drawing/2014/main" id="{EE780FC1-8787-43D8-B38F-9812841E8218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091191" y="36562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4 wks</a:t>
              </a:r>
            </a:p>
          </p:txBody>
        </p:sp>
        <p:sp>
          <p:nvSpPr>
            <p:cNvPr id="51" name="OTLSHAPE_T_cb31340efa6e49dbb6610765e32ddcec_Shape">
              <a:extLst>
                <a:ext uri="{FF2B5EF4-FFF2-40B4-BE49-F238E27FC236}">
                  <a16:creationId xmlns:a16="http://schemas.microsoft.com/office/drawing/2014/main" id="{EA803960-AE1E-4075-938A-66BB23D882AF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6040391" y="3898900"/>
              <a:ext cx="3937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2" name="OTLSHAPE_T_cb31340efa6e49dbb6610765e32ddcec_Title">
              <a:extLst>
                <a:ext uri="{FF2B5EF4-FFF2-40B4-BE49-F238E27FC236}">
                  <a16:creationId xmlns:a16="http://schemas.microsoft.com/office/drawing/2014/main" id="{92FB84E1-9A94-4704-8D7A-A26A083559C5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4985233" y="3915240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A Follow-Up</a:t>
              </a:r>
            </a:p>
          </p:txBody>
        </p:sp>
        <p:sp>
          <p:nvSpPr>
            <p:cNvPr id="53" name="OTLSHAPE_T_cb31340efa6e49dbb6610765e32ddcec_Duration">
              <a:extLst>
                <a:ext uri="{FF2B5EF4-FFF2-40B4-BE49-F238E27FC236}">
                  <a16:creationId xmlns:a16="http://schemas.microsoft.com/office/drawing/2014/main" id="{3D2116FC-1EEE-47AC-841A-E586A8EACF14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6480318" y="39229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 wks</a:t>
              </a:r>
            </a:p>
          </p:txBody>
        </p:sp>
        <p:sp>
          <p:nvSpPr>
            <p:cNvPr id="54" name="OTLSHAPE_T_a09124128f97474a98997530d23c0047_Shape">
              <a:extLst>
                <a:ext uri="{FF2B5EF4-FFF2-40B4-BE49-F238E27FC236}">
                  <a16:creationId xmlns:a16="http://schemas.microsoft.com/office/drawing/2014/main" id="{7DAD5A7D-6A00-46A2-94C5-9C5CD958C306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6429518" y="4165600"/>
              <a:ext cx="17526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5" name="OTLSHAPE_T_a09124128f97474a98997530d23c0047_Title">
              <a:extLst>
                <a:ext uri="{FF2B5EF4-FFF2-40B4-BE49-F238E27FC236}">
                  <a16:creationId xmlns:a16="http://schemas.microsoft.com/office/drawing/2014/main" id="{3874B1B3-596D-4B3B-ABBF-E7DAC6C4E921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4220141" y="4181940"/>
              <a:ext cx="215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Commissioning to the MEBT FC</a:t>
              </a:r>
            </a:p>
          </p:txBody>
        </p:sp>
        <p:sp>
          <p:nvSpPr>
            <p:cNvPr id="56" name="OTLSHAPE_T_a09124128f97474a98997530d23c0047_Duration">
              <a:extLst>
                <a:ext uri="{FF2B5EF4-FFF2-40B4-BE49-F238E27FC236}">
                  <a16:creationId xmlns:a16="http://schemas.microsoft.com/office/drawing/2014/main" id="{2BF13370-5F59-48E3-BD46-EFA2C2E6B928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8231385" y="41896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9 wks</a:t>
              </a:r>
            </a:p>
          </p:txBody>
        </p:sp>
        <p:sp>
          <p:nvSpPr>
            <p:cNvPr id="57" name="OTLSHAPE_T_32183675bea7426cab36ea0aa8f7f072_Shape">
              <a:extLst>
                <a:ext uri="{FF2B5EF4-FFF2-40B4-BE49-F238E27FC236}">
                  <a16:creationId xmlns:a16="http://schemas.microsoft.com/office/drawing/2014/main" id="{CE6A122F-D17C-40F9-822A-C8A486713E4E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8152810" y="4432300"/>
              <a:ext cx="5334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8" name="OTLSHAPE_T_32183675bea7426cab36ea0aa8f7f072_Title">
              <a:extLst>
                <a:ext uri="{FF2B5EF4-FFF2-40B4-BE49-F238E27FC236}">
                  <a16:creationId xmlns:a16="http://schemas.microsoft.com/office/drawing/2014/main" id="{D493EEE1-AED6-4577-9FBF-EA48DEDD0A3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7016583" y="4448640"/>
              <a:ext cx="109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PSS1 Re-Validation</a:t>
              </a:r>
            </a:p>
          </p:txBody>
        </p:sp>
        <p:sp>
          <p:nvSpPr>
            <p:cNvPr id="59" name="OTLSHAPE_T_32183675bea7426cab36ea0aa8f7f072_Duration">
              <a:extLst>
                <a:ext uri="{FF2B5EF4-FFF2-40B4-BE49-F238E27FC236}">
                  <a16:creationId xmlns:a16="http://schemas.microsoft.com/office/drawing/2014/main" id="{B05C3A37-4A17-4D39-82AE-83346AE4923C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8731690" y="44563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3 wks</a:t>
              </a:r>
            </a:p>
          </p:txBody>
        </p:sp>
        <p:sp>
          <p:nvSpPr>
            <p:cNvPr id="60" name="OTLSHAPE_T_845c2f3f488d4dd0b3ad58e51ac84705_Shape">
              <a:extLst>
                <a:ext uri="{FF2B5EF4-FFF2-40B4-BE49-F238E27FC236}">
                  <a16:creationId xmlns:a16="http://schemas.microsoft.com/office/drawing/2014/main" id="{620F2AD3-2B48-459C-97DD-2E71B681CED7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8736499" y="4699000"/>
              <a:ext cx="7239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1" name="OTLSHAPE_T_845c2f3f488d4dd0b3ad58e51ac84705_Title">
              <a:extLst>
                <a:ext uri="{FF2B5EF4-FFF2-40B4-BE49-F238E27FC236}">
                  <a16:creationId xmlns:a16="http://schemas.microsoft.com/office/drawing/2014/main" id="{CC10C7B7-5114-4F15-ACC5-881A8BBF836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6444361" y="4715340"/>
              <a:ext cx="224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DTL1 and MEBT Bunchers Conditioning</a:t>
              </a:r>
            </a:p>
          </p:txBody>
        </p:sp>
        <p:sp>
          <p:nvSpPr>
            <p:cNvPr id="62" name="OTLSHAPE_T_845c2f3f488d4dd0b3ad58e51ac84705_Duration">
              <a:extLst>
                <a:ext uri="{FF2B5EF4-FFF2-40B4-BE49-F238E27FC236}">
                  <a16:creationId xmlns:a16="http://schemas.microsoft.com/office/drawing/2014/main" id="{C2C29824-AAAC-42EE-8811-6594898A47FC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9509943" y="47230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4 wks</a:t>
              </a:r>
            </a:p>
          </p:txBody>
        </p:sp>
        <p:sp>
          <p:nvSpPr>
            <p:cNvPr id="63" name="OTLSHAPE_T_dd6cbd0c43b6487fabac82c4581a965c_Shape">
              <a:extLst>
                <a:ext uri="{FF2B5EF4-FFF2-40B4-BE49-F238E27FC236}">
                  <a16:creationId xmlns:a16="http://schemas.microsoft.com/office/drawing/2014/main" id="{128F0B9B-85C4-43AC-B750-53DD4997CC0D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9542527" y="4965700"/>
              <a:ext cx="3937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4" name="OTLSHAPE_T_dd6cbd0c43b6487fabac82c4581a965c_Title">
              <a:extLst>
                <a:ext uri="{FF2B5EF4-FFF2-40B4-BE49-F238E27FC236}">
                  <a16:creationId xmlns:a16="http://schemas.microsoft.com/office/drawing/2014/main" id="{BB1B590C-A034-416B-B722-DF38AF1C68C1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8493719" y="4982040"/>
              <a:ext cx="1003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B Follow-Up</a:t>
              </a:r>
            </a:p>
          </p:txBody>
        </p:sp>
        <p:sp>
          <p:nvSpPr>
            <p:cNvPr id="65" name="OTLSHAPE_T_dd6cbd0c43b6487fabac82c4581a965c_Duration">
              <a:extLst>
                <a:ext uri="{FF2B5EF4-FFF2-40B4-BE49-F238E27FC236}">
                  <a16:creationId xmlns:a16="http://schemas.microsoft.com/office/drawing/2014/main" id="{E122A5CC-D992-4340-A926-42C781846515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9982453" y="49897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 wks</a:t>
              </a:r>
            </a:p>
          </p:txBody>
        </p:sp>
        <p:sp>
          <p:nvSpPr>
            <p:cNvPr id="66" name="OTLSHAPE_T_ae7ef2a1913c4217818545b40704f5d6_Shape">
              <a:extLst>
                <a:ext uri="{FF2B5EF4-FFF2-40B4-BE49-F238E27FC236}">
                  <a16:creationId xmlns:a16="http://schemas.microsoft.com/office/drawing/2014/main" id="{F2B574FE-ED51-4AC3-A971-47F514EB733F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9903878" y="5232400"/>
              <a:ext cx="11176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7" name="OTLSHAPE_T_ae7ef2a1913c4217818545b40704f5d6_Title">
              <a:extLst>
                <a:ext uri="{FF2B5EF4-FFF2-40B4-BE49-F238E27FC236}">
                  <a16:creationId xmlns:a16="http://schemas.microsoft.com/office/drawing/2014/main" id="{B8A7088C-9077-444D-96EB-14D3452C7FEB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7744031" y="5248740"/>
              <a:ext cx="2120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Commissioning to the DTL1 FC</a:t>
              </a:r>
            </a:p>
          </p:txBody>
        </p:sp>
        <p:sp>
          <p:nvSpPr>
            <p:cNvPr id="68" name="OTLSHAPE_T_ae7ef2a1913c4217818545b40704f5d6_Duration">
              <a:extLst>
                <a:ext uri="{FF2B5EF4-FFF2-40B4-BE49-F238E27FC236}">
                  <a16:creationId xmlns:a16="http://schemas.microsoft.com/office/drawing/2014/main" id="{F77F88E0-9D7B-4B04-9438-7FBB849B6002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1066447" y="52564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6 wk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9378923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5F268D60-9A64-1B4E-8F4C-5F3408A0A8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CL plan today</a:t>
            </a:r>
          </a:p>
        </p:txBody>
      </p: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7D6F5371-2F88-46B5-97A3-2D9005DFF180}"/>
              </a:ext>
            </a:extLst>
          </p:cNvPr>
          <p:cNvGrpSpPr/>
          <p:nvPr/>
        </p:nvGrpSpPr>
        <p:grpSpPr>
          <a:xfrm>
            <a:off x="366964" y="887508"/>
            <a:ext cx="11862174" cy="5845980"/>
            <a:chOff x="61970" y="329777"/>
            <a:chExt cx="11862174" cy="5845980"/>
          </a:xfrm>
        </p:grpSpPr>
        <p:sp>
          <p:nvSpPr>
            <p:cNvPr id="123" name="OTLSHAPE_SL_79f05e8de72e4cc385fce875fa65517f_BackgroundRectangle">
              <a:extLst>
                <a:ext uri="{FF2B5EF4-FFF2-40B4-BE49-F238E27FC236}">
                  <a16:creationId xmlns:a16="http://schemas.microsoft.com/office/drawing/2014/main" id="{9513EC38-F85A-418C-B3EB-01E74A84F7FB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2012357"/>
              <a:ext cx="11290300" cy="488019"/>
            </a:xfrm>
            <a:prstGeom prst="rect">
              <a:avLst/>
            </a:prstGeom>
            <a:solidFill>
              <a:schemeClr val="accent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OTLSHAPE_SL_207dd3271e3446038430a776476543e7_BackgroundRectangle">
              <a:extLst>
                <a:ext uri="{FF2B5EF4-FFF2-40B4-BE49-F238E27FC236}">
                  <a16:creationId xmlns:a16="http://schemas.microsoft.com/office/drawing/2014/main" id="{137E9884-2946-4B1A-81B7-C0113A25E11B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63500" y="2563876"/>
              <a:ext cx="11290300" cy="905256"/>
            </a:xfrm>
            <a:prstGeom prst="rect">
              <a:avLst/>
            </a:prstGeom>
            <a:solidFill>
              <a:schemeClr val="accent4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5" name="OTLSHAPE_SL_8911bceb679441adb3756a794b682f31_BackgroundRectangle">
              <a:extLst>
                <a:ext uri="{FF2B5EF4-FFF2-40B4-BE49-F238E27FC236}">
                  <a16:creationId xmlns:a16="http://schemas.microsoft.com/office/drawing/2014/main" id="{7076CA87-710A-4E7B-834A-8E4CF2BDB003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63500" y="3532632"/>
              <a:ext cx="11290300" cy="872575"/>
            </a:xfrm>
            <a:prstGeom prst="rect">
              <a:avLst/>
            </a:prstGeom>
            <a:solidFill>
              <a:schemeClr val="accent6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SL_9eb76584bb32452eac07fb2637baea1a_BackgroundRectangle">
              <a:extLst>
                <a:ext uri="{FF2B5EF4-FFF2-40B4-BE49-F238E27FC236}">
                  <a16:creationId xmlns:a16="http://schemas.microsoft.com/office/drawing/2014/main" id="{F433E611-F597-4B68-A749-D422CD7DA83E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63500" y="4468707"/>
              <a:ext cx="11290300" cy="1707049"/>
            </a:xfrm>
            <a:prstGeom prst="rect">
              <a:avLst/>
            </a:prstGeom>
            <a:solidFill>
              <a:schemeClr val="accent2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7" name="OTLSHAPE_SL_9c59a90b323d4ccb9badd81a9fba3647_BackgroundRectangle">
              <a:extLst>
                <a:ext uri="{FF2B5EF4-FFF2-40B4-BE49-F238E27FC236}">
                  <a16:creationId xmlns:a16="http://schemas.microsoft.com/office/drawing/2014/main" id="{0840061F-AE1F-4FE2-B026-B9A36AE4ACC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63500" y="1252220"/>
              <a:ext cx="11290300" cy="696637"/>
            </a:xfrm>
            <a:prstGeom prst="rect">
              <a:avLst/>
            </a:prstGeom>
            <a:solidFill>
              <a:srgbClr val="6F3198">
                <a:alpha val="14902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8" name="OTLSHAPE_TB_00000000000000000000000000000000_LeftEndCaps">
              <a:extLst>
                <a:ext uri="{FF2B5EF4-FFF2-40B4-BE49-F238E27FC236}">
                  <a16:creationId xmlns:a16="http://schemas.microsoft.com/office/drawing/2014/main" id="{1C48410B-5A08-49BA-A9A1-0E27F89802E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54000" y="78248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1200" cap="none" spc="-38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29" name="OTLSHAPE_TB_00000000000000000000000000000000_RightEndCaps">
              <a:extLst>
                <a:ext uri="{FF2B5EF4-FFF2-40B4-BE49-F238E27FC236}">
                  <a16:creationId xmlns:a16="http://schemas.microsoft.com/office/drawing/2014/main" id="{D3CBC409-5E44-4B75-92B0-363A13DF2EE9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11474534" y="782489"/>
              <a:ext cx="44961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1200" cap="none" spc="-38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130" name="OTLSHAPE_TB_00000000000000000000000000000000_ScaleContainer">
              <a:extLst>
                <a:ext uri="{FF2B5EF4-FFF2-40B4-BE49-F238E27FC236}">
                  <a16:creationId xmlns:a16="http://schemas.microsoft.com/office/drawing/2014/main" id="{4D3DE591-0FCA-46CB-A5E4-567B5E6D872A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844465" y="795020"/>
              <a:ext cx="10515600" cy="25400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1" name="OTLSHAPE_SL_79f05e8de72e4cc385fce875fa65517f_HeaderRectangle">
              <a:extLst>
                <a:ext uri="{FF2B5EF4-FFF2-40B4-BE49-F238E27FC236}">
                  <a16:creationId xmlns:a16="http://schemas.microsoft.com/office/drawing/2014/main" id="{29FD9E18-3E4B-454F-B1BD-88889929BF4A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63500" y="2012357"/>
              <a:ext cx="660400" cy="488019"/>
            </a:xfrm>
            <a:prstGeom prst="rect">
              <a:avLst/>
            </a:prstGeom>
            <a:solidFill>
              <a:schemeClr val="accent1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SL_207dd3271e3446038430a776476543e7_HeaderRectangle">
              <a:extLst>
                <a:ext uri="{FF2B5EF4-FFF2-40B4-BE49-F238E27FC236}">
                  <a16:creationId xmlns:a16="http://schemas.microsoft.com/office/drawing/2014/main" id="{C41D555C-6265-433C-B0AB-25A5F9E116A4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63500" y="2563876"/>
              <a:ext cx="660400" cy="905256"/>
            </a:xfrm>
            <a:prstGeom prst="rect">
              <a:avLst/>
            </a:prstGeom>
            <a:solidFill>
              <a:schemeClr val="accent4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3" name="OTLSHAPE_SL_8911bceb679441adb3756a794b682f31_HeaderRectangle">
              <a:extLst>
                <a:ext uri="{FF2B5EF4-FFF2-40B4-BE49-F238E27FC236}">
                  <a16:creationId xmlns:a16="http://schemas.microsoft.com/office/drawing/2014/main" id="{BD0D78B6-09C4-40F7-B165-0927CCFBF49C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63500" y="3532632"/>
              <a:ext cx="660400" cy="872575"/>
            </a:xfrm>
            <a:prstGeom prst="rect">
              <a:avLst/>
            </a:prstGeom>
            <a:solidFill>
              <a:schemeClr val="accent6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4" name="OTLSHAPE_SL_9eb76584bb32452eac07fb2637baea1a_HeaderRectangle">
              <a:extLst>
                <a:ext uri="{FF2B5EF4-FFF2-40B4-BE49-F238E27FC236}">
                  <a16:creationId xmlns:a16="http://schemas.microsoft.com/office/drawing/2014/main" id="{22252927-A209-4BC0-8C2D-8A7A444FD9A4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63500" y="4468707"/>
              <a:ext cx="660400" cy="1707049"/>
            </a:xfrm>
            <a:prstGeom prst="rect">
              <a:avLst/>
            </a:prstGeom>
            <a:solidFill>
              <a:schemeClr val="accent2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5" name="OTLSHAPE_SL_9c59a90b323d4ccb9badd81a9fba3647_HeaderRectangle">
              <a:extLst>
                <a:ext uri="{FF2B5EF4-FFF2-40B4-BE49-F238E27FC236}">
                  <a16:creationId xmlns:a16="http://schemas.microsoft.com/office/drawing/2014/main" id="{6F21AFEC-1F9B-4B62-B8D6-C57C5A3D4A7F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63500" y="1252220"/>
              <a:ext cx="660400" cy="696637"/>
            </a:xfrm>
            <a:prstGeom prst="rect">
              <a:avLst/>
            </a:prstGeom>
            <a:solidFill>
              <a:srgbClr val="6F3198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36" name="OTLSHAPE_G_00000000000000000000000000000000_ShapeBelow0">
              <a:extLst>
                <a:ext uri="{FF2B5EF4-FFF2-40B4-BE49-F238E27FC236}">
                  <a16:creationId xmlns:a16="http://schemas.microsoft.com/office/drawing/2014/main" id="{61E0EC57-9E5F-4136-99A9-4220BC6767A6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1802144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OTLSHAPE_G_00000000000000000000000000000000_ShapeBelow1">
              <a:extLst>
                <a:ext uri="{FF2B5EF4-FFF2-40B4-BE49-F238E27FC236}">
                  <a16:creationId xmlns:a16="http://schemas.microsoft.com/office/drawing/2014/main" id="{ECC8EF93-6269-4F23-94D2-36DF8A9404DA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2759823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OTLSHAPE_G_00000000000000000000000000000000_ShapeBelow2">
              <a:extLst>
                <a:ext uri="{FF2B5EF4-FFF2-40B4-BE49-F238E27FC236}">
                  <a16:creationId xmlns:a16="http://schemas.microsoft.com/office/drawing/2014/main" id="{4BAC082E-93AE-49FC-A8A5-F9E2B12927C0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3733202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9" name="OTLSHAPE_G_00000000000000000000000000000000_ShapeBelow3">
              <a:extLst>
                <a:ext uri="{FF2B5EF4-FFF2-40B4-BE49-F238E27FC236}">
                  <a16:creationId xmlns:a16="http://schemas.microsoft.com/office/drawing/2014/main" id="{E52A4FCC-9C52-47E0-A671-50E4D2C17E87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4659481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0" name="OTLSHAPE_G_00000000000000000000000000000000_ShapeBelow4">
              <a:extLst>
                <a:ext uri="{FF2B5EF4-FFF2-40B4-BE49-F238E27FC236}">
                  <a16:creationId xmlns:a16="http://schemas.microsoft.com/office/drawing/2014/main" id="{B30E887E-CE09-489D-8550-5DEC388F036B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5617160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1" name="OTLSHAPE_G_00000000000000000000000000000000_ShapeBelow5">
              <a:extLst>
                <a:ext uri="{FF2B5EF4-FFF2-40B4-BE49-F238E27FC236}">
                  <a16:creationId xmlns:a16="http://schemas.microsoft.com/office/drawing/2014/main" id="{578E1C52-E8D2-4583-8348-D5A45B7B510D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6574840" y="1049021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2" name="OTLSHAPE_G_00000000000000000000000000000000_ShapeBelow6">
              <a:extLst>
                <a:ext uri="{FF2B5EF4-FFF2-40B4-BE49-F238E27FC236}">
                  <a16:creationId xmlns:a16="http://schemas.microsoft.com/office/drawing/2014/main" id="{20DD39DC-D4AD-4FCD-BBCF-BAA2DB9D1296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7532519" y="1049020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3" name="OTLSHAPE_G_00000000000000000000000000000000_ShapeBelow7">
              <a:extLst>
                <a:ext uri="{FF2B5EF4-FFF2-40B4-BE49-F238E27FC236}">
                  <a16:creationId xmlns:a16="http://schemas.microsoft.com/office/drawing/2014/main" id="{42EC6FE0-02CF-4B85-A9EF-8CD323DACA9C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8490197" y="1049020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4" name="OTLSHAPE_G_00000000000000000000000000000000_ShapeBelow8">
              <a:extLst>
                <a:ext uri="{FF2B5EF4-FFF2-40B4-BE49-F238E27FC236}">
                  <a16:creationId xmlns:a16="http://schemas.microsoft.com/office/drawing/2014/main" id="{D364B658-C348-479D-BF0E-07E76C4223C4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9463576" y="1049020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5" name="OTLSHAPE_G_00000000000000000000000000000000_ShapeBelow9">
              <a:extLst>
                <a:ext uri="{FF2B5EF4-FFF2-40B4-BE49-F238E27FC236}">
                  <a16:creationId xmlns:a16="http://schemas.microsoft.com/office/drawing/2014/main" id="{58F60C4E-4A6D-4446-9DF2-6498EEADEE71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10389856" y="1049020"/>
              <a:ext cx="0" cy="5126736"/>
            </a:xfrm>
            <a:prstGeom prst="line">
              <a:avLst/>
            </a:prstGeom>
            <a:ln w="9525" cap="flat" cmpd="sng" algn="ctr">
              <a:solidFill>
                <a:schemeClr val="accent1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6" name="OTLSHAPE_SLT_2e921e95cd8d4b13a13500bc7b21bf4c_Shape">
              <a:extLst>
                <a:ext uri="{FF2B5EF4-FFF2-40B4-BE49-F238E27FC236}">
                  <a16:creationId xmlns:a16="http://schemas.microsoft.com/office/drawing/2014/main" id="{D3880A47-EAE1-4875-B3F5-7487E3C515C0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860165" y="3073654"/>
              <a:ext cx="1143000" cy="127000"/>
            </a:xfrm>
            <a:prstGeom prst="roundRect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7" name="OTLSHAPE_SLT_47cbe89cdf5541999ae0d3ac526194f6_Shape">
              <a:extLst>
                <a:ext uri="{FF2B5EF4-FFF2-40B4-BE49-F238E27FC236}">
                  <a16:creationId xmlns:a16="http://schemas.microsoft.com/office/drawing/2014/main" id="{3B9BAF36-A0BA-42AC-9595-2B9527C62C2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079960" y="3592491"/>
              <a:ext cx="3048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8" name="OTLSHAPE_SLT_cf25e7caeb934b75b1efd2db71905ad5_Shape">
              <a:extLst>
                <a:ext uri="{FF2B5EF4-FFF2-40B4-BE49-F238E27FC236}">
                  <a16:creationId xmlns:a16="http://schemas.microsoft.com/office/drawing/2014/main" id="{6C3C13DE-5102-4391-B0EB-B909729CED34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1409653" y="3592491"/>
              <a:ext cx="27051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9" name="OTLSHAPE_SLT_559e132390914c31a7c0a024cf3f172d_Shape">
              <a:extLst>
                <a:ext uri="{FF2B5EF4-FFF2-40B4-BE49-F238E27FC236}">
                  <a16:creationId xmlns:a16="http://schemas.microsoft.com/office/drawing/2014/main" id="{BA926341-1BF2-47B1-8571-0136D828C88E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860165" y="3282273"/>
              <a:ext cx="1143000" cy="127000"/>
            </a:xfrm>
            <a:prstGeom prst="roundRect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SLT_07b98bcf678d4671aa63e6c90f0402aa_Shape">
              <a:extLst>
                <a:ext uri="{FF2B5EF4-FFF2-40B4-BE49-F238E27FC236}">
                  <a16:creationId xmlns:a16="http://schemas.microsoft.com/office/drawing/2014/main" id="{8BD56C77-6B8E-4557-A48A-4A7EB99D648E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1998379" y="4528566"/>
              <a:ext cx="10287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1" name="OTLSHAPE_SLT_e10d88f6591c489987dbc7130de7d851_Shape">
              <a:extLst>
                <a:ext uri="{FF2B5EF4-FFF2-40B4-BE49-F238E27FC236}">
                  <a16:creationId xmlns:a16="http://schemas.microsoft.com/office/drawing/2014/main" id="{4B61C3CF-DE6A-4AC3-A736-0A45E4DE7AD8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654704" y="4737184"/>
              <a:ext cx="2286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2" name="OTLSHAPE_SLT_9f69d9f8c4924938a670a0a3ffc77de4_Shape">
              <a:extLst>
                <a:ext uri="{FF2B5EF4-FFF2-40B4-BE49-F238E27FC236}">
                  <a16:creationId xmlns:a16="http://schemas.microsoft.com/office/drawing/2014/main" id="{614A7A80-BA6C-4BFF-B52A-56ED14ECD708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4769379" y="5154422"/>
              <a:ext cx="7239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3" name="OTLSHAPE_SLT_040d181b1d4140fb9f9a02ce9a0280f5_Shape">
              <a:extLst>
                <a:ext uri="{FF2B5EF4-FFF2-40B4-BE49-F238E27FC236}">
                  <a16:creationId xmlns:a16="http://schemas.microsoft.com/office/drawing/2014/main" id="{2CF749FE-F668-4E1A-AC65-655414B06383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6574840" y="3801110"/>
              <a:ext cx="10287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4" name="OTLSHAPE_SLT_4b91b8d2773f47a1918666f1e8b06d7e_Shape">
              <a:extLst>
                <a:ext uri="{FF2B5EF4-FFF2-40B4-BE49-F238E27FC236}">
                  <a16:creationId xmlns:a16="http://schemas.microsoft.com/office/drawing/2014/main" id="{8FDA342E-8EBC-4B87-AA50-D90F8A1B2773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9369378" y="5974884"/>
              <a:ext cx="1524000" cy="155025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5" name="OTLSHAPE_SLT_f551af351c344438aaa28e0a0eec8ca5_Shape">
              <a:extLst>
                <a:ext uri="{FF2B5EF4-FFF2-40B4-BE49-F238E27FC236}">
                  <a16:creationId xmlns:a16="http://schemas.microsoft.com/office/drawing/2014/main" id="{57EC968B-358F-43B4-A5DC-2514524386B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6307946" y="4009729"/>
              <a:ext cx="13208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SLT_17d6379c5154498dbdb5091b41125546_Shape">
              <a:extLst>
                <a:ext uri="{FF2B5EF4-FFF2-40B4-BE49-F238E27FC236}">
                  <a16:creationId xmlns:a16="http://schemas.microsoft.com/office/drawing/2014/main" id="{4B35080B-5034-4862-8B91-743FBD0900E7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5978253" y="4218347"/>
              <a:ext cx="15621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7" name="OTLSHAPE_SLT_1548a45929d542f08ebbc364690e3865_Shape">
              <a:extLst>
                <a:ext uri="{FF2B5EF4-FFF2-40B4-BE49-F238E27FC236}">
                  <a16:creationId xmlns:a16="http://schemas.microsoft.com/office/drawing/2014/main" id="{D61BC87B-DC5C-4B96-897D-E2FC2D41F757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142748" y="2865035"/>
              <a:ext cx="850900" cy="127000"/>
            </a:xfrm>
            <a:prstGeom prst="roundRect">
              <a:avLst/>
            </a:prstGeom>
            <a:solidFill>
              <a:srgbClr val="FEBA0A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8" name="OTLSHAPE_SLT_b22121ae486847ad80e2e3ef18a8ef85_Shape">
              <a:extLst>
                <a:ext uri="{FF2B5EF4-FFF2-40B4-BE49-F238E27FC236}">
                  <a16:creationId xmlns:a16="http://schemas.microsoft.com/office/drawing/2014/main" id="{34929834-5B98-47C2-991B-19A4EF0BA6EB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860165" y="1761998"/>
              <a:ext cx="1143000" cy="127000"/>
            </a:xfrm>
            <a:prstGeom prst="round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9" name="OTLSHAPE_SLT_1bbb66676c4347109ee3f896f6fca767_Shape">
              <a:extLst>
                <a:ext uri="{FF2B5EF4-FFF2-40B4-BE49-F238E27FC236}">
                  <a16:creationId xmlns:a16="http://schemas.microsoft.com/office/drawing/2014/main" id="{06AFF424-69F8-4959-94BC-A6B859E265FB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1127059" y="1553379"/>
              <a:ext cx="863600" cy="127000"/>
            </a:xfrm>
            <a:prstGeom prst="roundRect">
              <a:avLst/>
            </a:prstGeom>
            <a:solidFill>
              <a:srgbClr val="6F3198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0" name="OTLSHAPE_SLT_fed695d0b9f648f98b926501ddc7bbba_Shape">
              <a:extLst>
                <a:ext uri="{FF2B5EF4-FFF2-40B4-BE49-F238E27FC236}">
                  <a16:creationId xmlns:a16="http://schemas.microsoft.com/office/drawing/2014/main" id="{C6B3275B-B7C4-42A6-87C8-C6D1FD4D17A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6276546" y="3801110"/>
              <a:ext cx="2413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1" name="OTLSHAPE_SLT_e37c6de3bb694bc788650627904d6a65_Shape">
              <a:extLst>
                <a:ext uri="{FF2B5EF4-FFF2-40B4-BE49-F238E27FC236}">
                  <a16:creationId xmlns:a16="http://schemas.microsoft.com/office/drawing/2014/main" id="{BD29DEEC-B5E6-41E4-88AF-E88AB0164581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8034907" y="5363040"/>
              <a:ext cx="7747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2" name="OTLSHAPE_SLT_57c5a4e67bca49439c6f4d9a01832722_Shape">
              <a:extLst>
                <a:ext uri="{FF2B5EF4-FFF2-40B4-BE49-F238E27FC236}">
                  <a16:creationId xmlns:a16="http://schemas.microsoft.com/office/drawing/2014/main" id="{B8287D3A-FA79-4A05-9988-C783A3F966E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6056751" y="4009729"/>
              <a:ext cx="2413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3" name="OTLSHAPE_SLT_98dfad58d9d54fce964d5c16eacff05c_Shape">
              <a:extLst>
                <a:ext uri="{FF2B5EF4-FFF2-40B4-BE49-F238E27FC236}">
                  <a16:creationId xmlns:a16="http://schemas.microsoft.com/office/drawing/2014/main" id="{242BA32B-1E5E-4419-B106-515B9A517639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5821256" y="4218347"/>
              <a:ext cx="152400" cy="127000"/>
            </a:xfrm>
            <a:prstGeom prst="roundRect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4" name="OTLSHAPE_SLT_d10ac55d8a834ac290dba51a697e6342_Shape">
              <a:extLst>
                <a:ext uri="{FF2B5EF4-FFF2-40B4-BE49-F238E27FC236}">
                  <a16:creationId xmlns:a16="http://schemas.microsoft.com/office/drawing/2014/main" id="{B6AC4612-5838-41B5-A2F0-98DD057B3A32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8034907" y="5571659"/>
              <a:ext cx="7747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5" name="OTLSHAPE_SLT_2a1b23e88bdf438096c6c65c77fb1d94_Shape">
              <a:extLst>
                <a:ext uri="{FF2B5EF4-FFF2-40B4-BE49-F238E27FC236}">
                  <a16:creationId xmlns:a16="http://schemas.microsoft.com/office/drawing/2014/main" id="{F97931E0-0A44-4D6B-BF4A-E7303D864556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7940710" y="5780278"/>
              <a:ext cx="7747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6" name="OTLSHAPE_SLT_31b528e0077240c9b2bcb482e86693da_Shape">
              <a:extLst>
                <a:ext uri="{FF2B5EF4-FFF2-40B4-BE49-F238E27FC236}">
                  <a16:creationId xmlns:a16="http://schemas.microsoft.com/office/drawing/2014/main" id="{1A9D9542-59C2-45BD-BAB1-59AEE75D8799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1111359" y="2313517"/>
              <a:ext cx="889000" cy="127000"/>
            </a:xfrm>
            <a:prstGeom prst="roundRect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7" name="OTLSHAPE_SLT_2abe17abfa014da1b51707c5fffb5581_Shape">
              <a:extLst>
                <a:ext uri="{FF2B5EF4-FFF2-40B4-BE49-F238E27FC236}">
                  <a16:creationId xmlns:a16="http://schemas.microsoft.com/office/drawing/2014/main" id="{C2687010-97F9-455E-9E0E-6C3F582545F3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4109994" y="4945803"/>
              <a:ext cx="444500" cy="127000"/>
            </a:xfrm>
            <a:prstGeom prst="roundRect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8" name="OTLSHAPE_TB_00000000000000000000000000000000_ElapsedTime">
              <a:extLst>
                <a:ext uri="{FF2B5EF4-FFF2-40B4-BE49-F238E27FC236}">
                  <a16:creationId xmlns:a16="http://schemas.microsoft.com/office/drawing/2014/main" id="{ED1A6971-014F-4704-BCA3-37EC18C02132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844465" y="795020"/>
              <a:ext cx="584200" cy="254000"/>
            </a:xfrm>
            <a:prstGeom prst="roundRect">
              <a:avLst/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SLM_c085649b600e42e3a32c167952070e48_Shape">
              <a:extLst>
                <a:ext uri="{FF2B5EF4-FFF2-40B4-BE49-F238E27FC236}">
                  <a16:creationId xmlns:a16="http://schemas.microsoft.com/office/drawing/2014/main" id="{75E6601C-20A2-481A-83E0-140D971858E1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1035149" y="2601976"/>
              <a:ext cx="152400" cy="177800"/>
            </a:xfrm>
            <a:prstGeom prst="diamond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0" name="OTLSHAPE_SLM_1e397a16c5bb402e9bd229acc0236d5e_Shape">
              <a:extLst>
                <a:ext uri="{FF2B5EF4-FFF2-40B4-BE49-F238E27FC236}">
                  <a16:creationId xmlns:a16="http://schemas.microsoft.com/office/drawing/2014/main" id="{7A52FD6B-3B76-4E08-8348-142631A4D567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1035149" y="1290320"/>
              <a:ext cx="152400" cy="177800"/>
            </a:xfrm>
            <a:prstGeom prst="diamond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1" name="OTLSHAPE_SLM_76029fd9279d4c9f9b5cb27ce0de8111_Shape">
              <a:extLst>
                <a:ext uri="{FF2B5EF4-FFF2-40B4-BE49-F238E27FC236}">
                  <a16:creationId xmlns:a16="http://schemas.microsoft.com/office/drawing/2014/main" id="{9DADE240-2C67-4A32-8DAF-9EE70E007A98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1035149" y="2050457"/>
              <a:ext cx="152400" cy="177800"/>
            </a:xfrm>
            <a:prstGeom prst="diamond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SL_79f05e8de72e4cc385fce875fa65517f_Header">
              <a:extLst>
                <a:ext uri="{FF2B5EF4-FFF2-40B4-BE49-F238E27FC236}">
                  <a16:creationId xmlns:a16="http://schemas.microsoft.com/office/drawing/2014/main" id="{F03E4669-3B3C-422B-8E2E-8A7E40ECBB1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63500" y="2163339"/>
              <a:ext cx="6604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FQ</a:t>
              </a:r>
            </a:p>
          </p:txBody>
        </p:sp>
        <p:sp>
          <p:nvSpPr>
            <p:cNvPr id="173" name="OTLSHAPE_SL_207dd3271e3446038430a776476543e7_Header">
              <a:extLst>
                <a:ext uri="{FF2B5EF4-FFF2-40B4-BE49-F238E27FC236}">
                  <a16:creationId xmlns:a16="http://schemas.microsoft.com/office/drawing/2014/main" id="{A9A4C4C3-2022-4879-BEEA-EDAA8CC3E241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63500" y="2923476"/>
              <a:ext cx="6604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</a:t>
              </a:r>
            </a:p>
          </p:txBody>
        </p:sp>
        <p:sp>
          <p:nvSpPr>
            <p:cNvPr id="174" name="OTLSHAPE_SL_8911bceb679441adb3756a794b682f31_Header">
              <a:extLst>
                <a:ext uri="{FF2B5EF4-FFF2-40B4-BE49-F238E27FC236}">
                  <a16:creationId xmlns:a16="http://schemas.microsoft.com/office/drawing/2014/main" id="{50A51C90-8763-41F8-B946-2160AB7EA03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63500" y="3875892"/>
              <a:ext cx="6604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1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</a:t>
              </a:r>
              <a:endPara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75" name="OTLSHAPE_SL_9eb76584bb32452eac07fb2637baea1a_Header">
              <a:extLst>
                <a:ext uri="{FF2B5EF4-FFF2-40B4-BE49-F238E27FC236}">
                  <a16:creationId xmlns:a16="http://schemas.microsoft.com/office/drawing/2014/main" id="{520835EF-B9A3-44CE-9B45-4D5DE6B4950A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63500" y="5136176"/>
              <a:ext cx="660400" cy="372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ommissioning</a:t>
              </a:r>
            </a:p>
          </p:txBody>
        </p:sp>
        <p:sp>
          <p:nvSpPr>
            <p:cNvPr id="176" name="OTLSHAPE_SL_9c59a90b323d4ccb9badd81a9fba3647_Header">
              <a:extLst>
                <a:ext uri="{FF2B5EF4-FFF2-40B4-BE49-F238E27FC236}">
                  <a16:creationId xmlns:a16="http://schemas.microsoft.com/office/drawing/2014/main" id="{BE80C346-2055-4171-BBEF-8F7426F73C11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63500" y="1507511"/>
              <a:ext cx="6604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1" i="0" u="none" strike="noStrike" kern="120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Src</a:t>
              </a:r>
              <a:r>
                <a:rPr kumimoji="0" lang="en-GB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/LEBT</a:t>
              </a:r>
            </a:p>
          </p:txBody>
        </p:sp>
        <p:sp>
          <p:nvSpPr>
            <p:cNvPr id="177" name="OTLSHAPE_TB_00000000000000000000000000000000_TodayMarkerShape">
              <a:extLst>
                <a:ext uri="{FF2B5EF4-FFF2-40B4-BE49-F238E27FC236}">
                  <a16:creationId xmlns:a16="http://schemas.microsoft.com/office/drawing/2014/main" id="{0F9323A3-2F70-4F1E-A035-F71783BEEB29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 flipV="1">
              <a:off x="1381820" y="710353"/>
              <a:ext cx="76200" cy="84667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8" name="OTLSHAPE_TB_00000000000000000000000000000000_TimescaleInterval1">
              <a:extLst>
                <a:ext uri="{FF2B5EF4-FFF2-40B4-BE49-F238E27FC236}">
                  <a16:creationId xmlns:a16="http://schemas.microsoft.com/office/drawing/2014/main" id="{0AC63AED-D8D4-4045-B82E-7B3A421E0799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907965" y="833120"/>
              <a:ext cx="242054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</a:t>
              </a:r>
            </a:p>
          </p:txBody>
        </p:sp>
        <p:sp>
          <p:nvSpPr>
            <p:cNvPr id="179" name="OTLSHAPE_TB_00000000000000000000000000000000_TimescaleInterval2">
              <a:extLst>
                <a:ext uri="{FF2B5EF4-FFF2-40B4-BE49-F238E27FC236}">
                  <a16:creationId xmlns:a16="http://schemas.microsoft.com/office/drawing/2014/main" id="{CF2FD59B-67FC-42F3-868C-7875E0D9B870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1865644" y="833120"/>
              <a:ext cx="211148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</a:t>
              </a:r>
            </a:p>
          </p:txBody>
        </p:sp>
        <p:sp>
          <p:nvSpPr>
            <p:cNvPr id="180" name="OTLSHAPE_TB_00000000000000000000000000000000_TimescaleInterval3">
              <a:extLst>
                <a:ext uri="{FF2B5EF4-FFF2-40B4-BE49-F238E27FC236}">
                  <a16:creationId xmlns:a16="http://schemas.microsoft.com/office/drawing/2014/main" id="{A46F9A25-ADA6-4937-AB25-6907FEEB3D68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2823323" y="833120"/>
              <a:ext cx="237244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ec</a:t>
              </a:r>
            </a:p>
          </p:txBody>
        </p:sp>
        <p:sp>
          <p:nvSpPr>
            <p:cNvPr id="181" name="OTLSHAPE_SLT_2e921e95cd8d4b13a13500bc7b21bf4c_Title">
              <a:extLst>
                <a:ext uri="{FF2B5EF4-FFF2-40B4-BE49-F238E27FC236}">
                  <a16:creationId xmlns:a16="http://schemas.microsoft.com/office/drawing/2014/main" id="{E02A8B8C-3B76-4F09-97D8-185F191D6806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2041329" y="3051895"/>
              <a:ext cx="1587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 Local Hardware Tests</a:t>
              </a:r>
            </a:p>
          </p:txBody>
        </p:sp>
        <p:sp>
          <p:nvSpPr>
            <p:cNvPr id="182" name="OTLSHAPE_SLT_47cbe89cdf5541999ae0d3ac526194f6_Title">
              <a:extLst>
                <a:ext uri="{FF2B5EF4-FFF2-40B4-BE49-F238E27FC236}">
                  <a16:creationId xmlns:a16="http://schemas.microsoft.com/office/drawing/2014/main" id="{4AF3D2E0-BBEC-4487-BFDB-96AC4A0E69F1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61970" y="3570732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1 Installation</a:t>
              </a:r>
            </a:p>
          </p:txBody>
        </p:sp>
        <p:sp>
          <p:nvSpPr>
            <p:cNvPr id="183" name="OTLSHAPE_SLT_cf25e7caeb934b75b1efd2db71905ad5_Title">
              <a:extLst>
                <a:ext uri="{FF2B5EF4-FFF2-40B4-BE49-F238E27FC236}">
                  <a16:creationId xmlns:a16="http://schemas.microsoft.com/office/drawing/2014/main" id="{FF59A066-51A1-450E-8054-32C22C01D66A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4160783" y="3570732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1 Local/Integrated Testing</a:t>
              </a:r>
            </a:p>
          </p:txBody>
        </p:sp>
        <p:sp>
          <p:nvSpPr>
            <p:cNvPr id="184" name="OTLSHAPE_TB_00000000000000000000000000000000_TimescaleInterval4">
              <a:extLst>
                <a:ext uri="{FF2B5EF4-FFF2-40B4-BE49-F238E27FC236}">
                  <a16:creationId xmlns:a16="http://schemas.microsoft.com/office/drawing/2014/main" id="{7F9A7AE4-66EB-4479-977B-25B197B4CADF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3796702" y="833120"/>
              <a:ext cx="225383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</a:t>
              </a:r>
            </a:p>
          </p:txBody>
        </p:sp>
        <p:sp>
          <p:nvSpPr>
            <p:cNvPr id="185" name="OTLSHAPE_TB_00000000000000000000000000000000_TimescaleInterval5">
              <a:extLst>
                <a:ext uri="{FF2B5EF4-FFF2-40B4-BE49-F238E27FC236}">
                  <a16:creationId xmlns:a16="http://schemas.microsoft.com/office/drawing/2014/main" id="{620FC949-C0D8-48CF-A1B9-98F42065E745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4722981" y="833120"/>
              <a:ext cx="222818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pr</a:t>
              </a:r>
            </a:p>
          </p:txBody>
        </p:sp>
        <p:sp>
          <p:nvSpPr>
            <p:cNvPr id="186" name="OTLSHAPE_TB_00000000000000000000000000000000_TimescaleInterval6">
              <a:extLst>
                <a:ext uri="{FF2B5EF4-FFF2-40B4-BE49-F238E27FC236}">
                  <a16:creationId xmlns:a16="http://schemas.microsoft.com/office/drawing/2014/main" id="{511DC03E-E0CE-45ED-B9B9-98949F7AB0ED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5680661" y="833120"/>
              <a:ext cx="209994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un</a:t>
              </a:r>
            </a:p>
          </p:txBody>
        </p:sp>
        <p:sp>
          <p:nvSpPr>
            <p:cNvPr id="187" name="OTLSHAPE_TB_00000000000000000000000000000000_ScaleMarking1">
              <a:extLst>
                <a:ext uri="{FF2B5EF4-FFF2-40B4-BE49-F238E27FC236}">
                  <a16:creationId xmlns:a16="http://schemas.microsoft.com/office/drawing/2014/main" id="{5051326A-B06C-4CC6-87E4-D6245F61A438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907965" y="608965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0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1</a:t>
              </a:r>
            </a:p>
          </p:txBody>
        </p:sp>
        <p:sp>
          <p:nvSpPr>
            <p:cNvPr id="188" name="OTLSHAPE_TB_00000000000000000000000000000000_ScaleMarking2">
              <a:extLst>
                <a:ext uri="{FF2B5EF4-FFF2-40B4-BE49-F238E27FC236}">
                  <a16:creationId xmlns:a16="http://schemas.microsoft.com/office/drawing/2014/main" id="{F9480DC9-C849-4429-B946-BA964D087CF0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3796702" y="608965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2</a:t>
              </a:r>
              <a:endParaRPr kumimoji="0" lang="en-GB" sz="1200" b="0" i="0" u="none" strike="noStrike" kern="1200" cap="none" spc="-2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89" name="OTLSHAPE_SLT_559e132390914c31a7c0a024cf3f172d_Title">
              <a:extLst>
                <a:ext uri="{FF2B5EF4-FFF2-40B4-BE49-F238E27FC236}">
                  <a16:creationId xmlns:a16="http://schemas.microsoft.com/office/drawing/2014/main" id="{485740DB-1556-4BB9-B599-32158E87CFC3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2041329" y="3260513"/>
              <a:ext cx="1892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 Integrated Hardware Tests</a:t>
              </a:r>
            </a:p>
          </p:txBody>
        </p:sp>
        <p:sp>
          <p:nvSpPr>
            <p:cNvPr id="190" name="OTLSHAPE_SLM_c085649b600e42e3a32c167952070e48_Title">
              <a:extLst>
                <a:ext uri="{FF2B5EF4-FFF2-40B4-BE49-F238E27FC236}">
                  <a16:creationId xmlns:a16="http://schemas.microsoft.com/office/drawing/2014/main" id="{52F396E9-ADD5-49E2-9ED0-504E6817F48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1238349" y="2605617"/>
              <a:ext cx="596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 SAR</a:t>
              </a:r>
            </a:p>
          </p:txBody>
        </p:sp>
        <p:sp>
          <p:nvSpPr>
            <p:cNvPr id="191" name="OTLSHAPE_SLT_07b98bcf678d4671aa63e6c90f0402aa_JoinedDate">
              <a:extLst>
                <a:ext uri="{FF2B5EF4-FFF2-40B4-BE49-F238E27FC236}">
                  <a16:creationId xmlns:a16="http://schemas.microsoft.com/office/drawing/2014/main" id="{9C1FE7E0-5519-4FF8-B2E6-AF4CF88DD572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789932" y="4514554"/>
              <a:ext cx="1181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 13 '21 - Dec 17 '21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92" name="OTLSHAPE_SLT_07b98bcf678d4671aa63e6c90f0402aa_Title">
              <a:extLst>
                <a:ext uri="{FF2B5EF4-FFF2-40B4-BE49-F238E27FC236}">
                  <a16:creationId xmlns:a16="http://schemas.microsoft.com/office/drawing/2014/main" id="{7F07FC59-9CC9-44DA-BC73-E26BF60B7C34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3069657" y="4506807"/>
              <a:ext cx="2273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eam Commissioning (ISrc to MEBT FC)</a:t>
              </a:r>
            </a:p>
          </p:txBody>
        </p:sp>
        <p:sp>
          <p:nvSpPr>
            <p:cNvPr id="193" name="OTLSHAPE_SLT_e10d88f6591c489987dbc7130de7d851_JoinedDate">
              <a:extLst>
                <a:ext uri="{FF2B5EF4-FFF2-40B4-BE49-F238E27FC236}">
                  <a16:creationId xmlns:a16="http://schemas.microsoft.com/office/drawing/2014/main" id="{D56B8CAC-EE72-45DB-BC72-50672CAE1105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925288" y="4723172"/>
              <a:ext cx="1079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an 27 '22 - Feb 9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94" name="OTLSHAPE_SLT_e10d88f6591c489987dbc7130de7d851_Title">
              <a:extLst>
                <a:ext uri="{FF2B5EF4-FFF2-40B4-BE49-F238E27FC236}">
                  <a16:creationId xmlns:a16="http://schemas.microsoft.com/office/drawing/2014/main" id="{E6EB0D1A-E8B2-4628-9A7C-8A84A88502E4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1929747" y="4715425"/>
              <a:ext cx="167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 Bunchers Conditioning</a:t>
              </a:r>
            </a:p>
          </p:txBody>
        </p:sp>
        <p:sp>
          <p:nvSpPr>
            <p:cNvPr id="195" name="OTLSHAPE_SLT_9f69d9f8c4924938a670a0a3ffc77de4_JoinedDate">
              <a:extLst>
                <a:ext uri="{FF2B5EF4-FFF2-40B4-BE49-F238E27FC236}">
                  <a16:creationId xmlns:a16="http://schemas.microsoft.com/office/drawing/2014/main" id="{AC3AD802-8E70-44E2-828F-63678812B0B0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5542352" y="5140409"/>
              <a:ext cx="1117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pr 8 '22 - May 23 '22</a:t>
              </a:r>
              <a:endPara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96" name="OTLSHAPE_SLT_9f69d9f8c4924938a670a0a3ffc77de4_Title">
              <a:extLst>
                <a:ext uri="{FF2B5EF4-FFF2-40B4-BE49-F238E27FC236}">
                  <a16:creationId xmlns:a16="http://schemas.microsoft.com/office/drawing/2014/main" id="{257B7D3A-9427-423D-8A7C-921FAF2EF23C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2506790" y="5132663"/>
              <a:ext cx="222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eam Commissioning (ISrc to DTL1 FC)</a:t>
              </a:r>
            </a:p>
          </p:txBody>
        </p:sp>
        <p:sp>
          <p:nvSpPr>
            <p:cNvPr id="197" name="OTLSHAPE_SLT_040d181b1d4140fb9f9a02ce9a0280f5_Title">
              <a:extLst>
                <a:ext uri="{FF2B5EF4-FFF2-40B4-BE49-F238E27FC236}">
                  <a16:creationId xmlns:a16="http://schemas.microsoft.com/office/drawing/2014/main" id="{7108C3D3-1535-473A-8538-D2AF28D23BB5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7646106" y="3779351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2 Local/Integrated Testing</a:t>
              </a:r>
            </a:p>
          </p:txBody>
        </p:sp>
        <p:sp>
          <p:nvSpPr>
            <p:cNvPr id="198" name="OTLSHAPE_SLT_4b91b8d2773f47a1918666f1e8b06d7e_JoinedDate">
              <a:extLst>
                <a:ext uri="{FF2B5EF4-FFF2-40B4-BE49-F238E27FC236}">
                  <a16:creationId xmlns:a16="http://schemas.microsoft.com/office/drawing/2014/main" id="{87B66F64-1466-4B8A-98CD-786BA1AC21C3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9575583" y="5974884"/>
              <a:ext cx="1117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 dirty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an 26 '23 - May 2 '23</a:t>
              </a:r>
            </a:p>
          </p:txBody>
        </p:sp>
        <p:sp>
          <p:nvSpPr>
            <p:cNvPr id="199" name="OTLSHAPE_SLT_4b91b8d2773f47a1918666f1e8b06d7e_Title">
              <a:extLst>
                <a:ext uri="{FF2B5EF4-FFF2-40B4-BE49-F238E27FC236}">
                  <a16:creationId xmlns:a16="http://schemas.microsoft.com/office/drawing/2014/main" id="{8B9E303D-AE78-4BE8-8458-5CA7D1796406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7275402" y="5967137"/>
              <a:ext cx="2044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eam Commissioning (ISrc to DTL4)</a:t>
              </a:r>
            </a:p>
          </p:txBody>
        </p:sp>
        <p:sp>
          <p:nvSpPr>
            <p:cNvPr id="200" name="OTLSHAPE_SLT_f551af351c344438aaa28e0a0eec8ca5_Title">
              <a:extLst>
                <a:ext uri="{FF2B5EF4-FFF2-40B4-BE49-F238E27FC236}">
                  <a16:creationId xmlns:a16="http://schemas.microsoft.com/office/drawing/2014/main" id="{9A956728-97BF-4BED-8AD7-AD9C4A49DC6A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7677506" y="3987969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3 Local/Integrated Testing</a:t>
              </a:r>
            </a:p>
          </p:txBody>
        </p:sp>
        <p:sp>
          <p:nvSpPr>
            <p:cNvPr id="201" name="OTLSHAPE_SLT_17d6379c5154498dbdb5091b41125546_Title">
              <a:extLst>
                <a:ext uri="{FF2B5EF4-FFF2-40B4-BE49-F238E27FC236}">
                  <a16:creationId xmlns:a16="http://schemas.microsoft.com/office/drawing/2014/main" id="{2F739D24-7571-47B3-B88E-40357154DDF5}"/>
                </a:ext>
              </a:extLst>
            </p:cNvPr>
            <p:cNvSpPr txBox="1"/>
            <p:nvPr>
              <p:custDataLst>
                <p:tags r:id="rId79"/>
              </p:custDataLst>
            </p:nvPr>
          </p:nvSpPr>
          <p:spPr>
            <a:xfrm>
              <a:off x="7583308" y="4196588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4 Local/Integrated Testing</a:t>
              </a:r>
            </a:p>
          </p:txBody>
        </p:sp>
        <p:sp>
          <p:nvSpPr>
            <p:cNvPr id="202" name="OTLSHAPE_SLT_1548a45929d542f08ebbc364690e3865_Title">
              <a:extLst>
                <a:ext uri="{FF2B5EF4-FFF2-40B4-BE49-F238E27FC236}">
                  <a16:creationId xmlns:a16="http://schemas.microsoft.com/office/drawing/2014/main" id="{FD6AF101-3FA2-4798-B2AD-6B51D555C1AB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2041329" y="2843276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BT SAR Follow-Up</a:t>
              </a:r>
            </a:p>
          </p:txBody>
        </p:sp>
        <p:sp>
          <p:nvSpPr>
            <p:cNvPr id="203" name="OTLSHAPE_SLT_b22121ae486847ad80e2e3ef18a8ef85_Title">
              <a:extLst>
                <a:ext uri="{FF2B5EF4-FFF2-40B4-BE49-F238E27FC236}">
                  <a16:creationId xmlns:a16="http://schemas.microsoft.com/office/drawing/2014/main" id="{325BE444-F90B-4D02-AE8B-192B3DD4FDCF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2041329" y="1740239"/>
              <a:ext cx="196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Src/LEBT Local/Integrated Testing</a:t>
              </a:r>
            </a:p>
          </p:txBody>
        </p:sp>
        <p:sp>
          <p:nvSpPr>
            <p:cNvPr id="204" name="OTLSHAPE_SLT_1bbb66676c4347109ee3f896f6fca767_Title">
              <a:extLst>
                <a:ext uri="{FF2B5EF4-FFF2-40B4-BE49-F238E27FC236}">
                  <a16:creationId xmlns:a16="http://schemas.microsoft.com/office/drawing/2014/main" id="{930826B2-57B8-447B-A5A3-C5896F71054E}"/>
                </a:ext>
              </a:extLst>
            </p:cNvPr>
            <p:cNvSpPr txBox="1"/>
            <p:nvPr>
              <p:custDataLst>
                <p:tags r:id="rId82"/>
              </p:custDataLst>
            </p:nvPr>
          </p:nvSpPr>
          <p:spPr>
            <a:xfrm>
              <a:off x="2041329" y="1531620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Src/LEBT SAR Follow-Up</a:t>
              </a:r>
            </a:p>
          </p:txBody>
        </p:sp>
        <p:sp>
          <p:nvSpPr>
            <p:cNvPr id="205" name="OTLSHAPE_SLT_fed695d0b9f648f98b926501ddc7bbba_Title">
              <a:extLst>
                <a:ext uri="{FF2B5EF4-FFF2-40B4-BE49-F238E27FC236}">
                  <a16:creationId xmlns:a16="http://schemas.microsoft.com/office/drawing/2014/main" id="{55B301AA-55BA-43E5-A978-E5A361A1E843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5258557" y="3779351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2 Installation</a:t>
              </a:r>
            </a:p>
          </p:txBody>
        </p:sp>
        <p:sp>
          <p:nvSpPr>
            <p:cNvPr id="206" name="OTLSHAPE_SLT_e37c6de3bb694bc788650627904d6a65_JoinedDate">
              <a:extLst>
                <a:ext uri="{FF2B5EF4-FFF2-40B4-BE49-F238E27FC236}">
                  <a16:creationId xmlns:a16="http://schemas.microsoft.com/office/drawing/2014/main" id="{2EC27F02-6DC6-4AD9-8DE7-DDADD35B63E2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8854980" y="5349028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 2 '22 - Dec 20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07" name="OTLSHAPE_SLT_e37c6de3bb694bc788650627904d6a65_Title">
              <a:extLst>
                <a:ext uri="{FF2B5EF4-FFF2-40B4-BE49-F238E27FC236}">
                  <a16:creationId xmlns:a16="http://schemas.microsoft.com/office/drawing/2014/main" id="{1651DC7A-460B-4A89-80D6-9368D1B570EC}"/>
                </a:ext>
              </a:extLst>
            </p:cNvPr>
            <p:cNvSpPr txBox="1"/>
            <p:nvPr>
              <p:custDataLst>
                <p:tags r:id="rId85"/>
              </p:custDataLst>
            </p:nvPr>
          </p:nvSpPr>
          <p:spPr>
            <a:xfrm>
              <a:off x="6926748" y="5341281"/>
              <a:ext cx="106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2 Conditioning</a:t>
              </a:r>
            </a:p>
          </p:txBody>
        </p:sp>
        <p:sp>
          <p:nvSpPr>
            <p:cNvPr id="208" name="OTLSHAPE_SLT_57c5a4e67bca49439c6f4d9a01832722_Title">
              <a:extLst>
                <a:ext uri="{FF2B5EF4-FFF2-40B4-BE49-F238E27FC236}">
                  <a16:creationId xmlns:a16="http://schemas.microsoft.com/office/drawing/2014/main" id="{50E2C0AA-CE47-455D-9312-5B9157B1174D}"/>
                </a:ext>
              </a:extLst>
            </p:cNvPr>
            <p:cNvSpPr txBox="1"/>
            <p:nvPr>
              <p:custDataLst>
                <p:tags r:id="rId86"/>
              </p:custDataLst>
            </p:nvPr>
          </p:nvSpPr>
          <p:spPr>
            <a:xfrm>
              <a:off x="5038761" y="3987969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3 Installation</a:t>
              </a:r>
            </a:p>
          </p:txBody>
        </p:sp>
        <p:sp>
          <p:nvSpPr>
            <p:cNvPr id="209" name="OTLSHAPE_SLT_98dfad58d9d54fce964d5c16eacff05c_Title">
              <a:extLst>
                <a:ext uri="{FF2B5EF4-FFF2-40B4-BE49-F238E27FC236}">
                  <a16:creationId xmlns:a16="http://schemas.microsoft.com/office/drawing/2014/main" id="{DA5EBB32-D324-4F83-B0B0-9A10AE58814B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4803267" y="4196588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4 Installation</a:t>
              </a:r>
            </a:p>
          </p:txBody>
        </p:sp>
        <p:sp>
          <p:nvSpPr>
            <p:cNvPr id="210" name="OTLSHAPE_SLT_d10ac55d8a834ac290dba51a697e6342_JoinedDate">
              <a:extLst>
                <a:ext uri="{FF2B5EF4-FFF2-40B4-BE49-F238E27FC236}">
                  <a16:creationId xmlns:a16="http://schemas.microsoft.com/office/drawing/2014/main" id="{D1EF5126-F832-4484-BF8D-C8F693F0F343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8854980" y="5557647"/>
              <a:ext cx="1130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ov 2 '22 - Dec 20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11" name="OTLSHAPE_SLT_d10ac55d8a834ac290dba51a697e6342_Title">
              <a:extLst>
                <a:ext uri="{FF2B5EF4-FFF2-40B4-BE49-F238E27FC236}">
                  <a16:creationId xmlns:a16="http://schemas.microsoft.com/office/drawing/2014/main" id="{CE836652-628A-4429-A3AF-2CA2FBF2D9BB}"/>
                </a:ext>
              </a:extLst>
            </p:cNvPr>
            <p:cNvSpPr txBox="1"/>
            <p:nvPr>
              <p:custDataLst>
                <p:tags r:id="rId89"/>
              </p:custDataLst>
            </p:nvPr>
          </p:nvSpPr>
          <p:spPr>
            <a:xfrm>
              <a:off x="6926748" y="5549900"/>
              <a:ext cx="106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3 Conditioning</a:t>
              </a:r>
            </a:p>
          </p:txBody>
        </p:sp>
        <p:sp>
          <p:nvSpPr>
            <p:cNvPr id="212" name="OTLSHAPE_SLT_2a1b23e88bdf438096c6c65c77fb1d94_JoinedDate">
              <a:extLst>
                <a:ext uri="{FF2B5EF4-FFF2-40B4-BE49-F238E27FC236}">
                  <a16:creationId xmlns:a16="http://schemas.microsoft.com/office/drawing/2014/main" id="{7F3AEF36-A8E8-40FA-B84B-117A665A8511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8760782" y="5766265"/>
              <a:ext cx="1168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 27 '22 - Dec 14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13" name="OTLSHAPE_SLT_2a1b23e88bdf438096c6c65c77fb1d94_Title">
              <a:extLst>
                <a:ext uri="{FF2B5EF4-FFF2-40B4-BE49-F238E27FC236}">
                  <a16:creationId xmlns:a16="http://schemas.microsoft.com/office/drawing/2014/main" id="{B3B561DC-BAFC-4E79-B996-B0B227BCF54B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6832550" y="5758519"/>
              <a:ext cx="106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4 Conditioning</a:t>
              </a:r>
            </a:p>
          </p:txBody>
        </p:sp>
        <p:sp>
          <p:nvSpPr>
            <p:cNvPr id="214" name="OTLSHAPE_SLM_1e397a16c5bb402e9bd229acc0236d5e_Title">
              <a:extLst>
                <a:ext uri="{FF2B5EF4-FFF2-40B4-BE49-F238E27FC236}">
                  <a16:creationId xmlns:a16="http://schemas.microsoft.com/office/drawing/2014/main" id="{710A07BC-8CF6-4EC9-A16B-74DB4D865BAA}"/>
                </a:ext>
              </a:extLst>
            </p:cNvPr>
            <p:cNvSpPr txBox="1"/>
            <p:nvPr>
              <p:custDataLst>
                <p:tags r:id="rId92"/>
              </p:custDataLst>
            </p:nvPr>
          </p:nvSpPr>
          <p:spPr>
            <a:xfrm>
              <a:off x="1238349" y="1293961"/>
              <a:ext cx="812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8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Src</a:t>
              </a:r>
              <a:r>
                <a:rPr kumimoji="0" lang="en-GB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/LEBT SAR</a:t>
              </a:r>
            </a:p>
          </p:txBody>
        </p:sp>
        <p:sp>
          <p:nvSpPr>
            <p:cNvPr id="215" name="OTLSHAPE_SLM_76029fd9279d4c9f9b5cb27ce0de8111_Title">
              <a:extLst>
                <a:ext uri="{FF2B5EF4-FFF2-40B4-BE49-F238E27FC236}">
                  <a16:creationId xmlns:a16="http://schemas.microsoft.com/office/drawing/2014/main" id="{92FB1E5E-E186-4121-8E78-8D26C4D4D4C5}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1238349" y="2054098"/>
              <a:ext cx="508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FQ SAR</a:t>
              </a:r>
            </a:p>
          </p:txBody>
        </p:sp>
        <p:sp>
          <p:nvSpPr>
            <p:cNvPr id="216" name="OTLSHAPE_TB_00000000000000000000000000000000_TimescaleInterval7">
              <a:extLst>
                <a:ext uri="{FF2B5EF4-FFF2-40B4-BE49-F238E27FC236}">
                  <a16:creationId xmlns:a16="http://schemas.microsoft.com/office/drawing/2014/main" id="{55CCD92C-0658-41A1-89C3-7B83979AFDD3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6638340" y="833120"/>
              <a:ext cx="242054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ug</a:t>
              </a:r>
            </a:p>
          </p:txBody>
        </p:sp>
        <p:sp>
          <p:nvSpPr>
            <p:cNvPr id="217" name="OTLSHAPE_SLT_31b528e0077240c9b2bcb482e86693da_Title">
              <a:extLst>
                <a:ext uri="{FF2B5EF4-FFF2-40B4-BE49-F238E27FC236}">
                  <a16:creationId xmlns:a16="http://schemas.microsoft.com/office/drawing/2014/main" id="{D7033748-C946-412F-8A6E-D3C6C768EF23}"/>
                </a:ext>
              </a:extLst>
            </p:cNvPr>
            <p:cNvSpPr txBox="1"/>
            <p:nvPr>
              <p:custDataLst>
                <p:tags r:id="rId95"/>
              </p:custDataLst>
            </p:nvPr>
          </p:nvSpPr>
          <p:spPr>
            <a:xfrm>
              <a:off x="2041329" y="2291757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FQ SAR Follow-Up</a:t>
              </a:r>
            </a:p>
          </p:txBody>
        </p:sp>
        <p:sp>
          <p:nvSpPr>
            <p:cNvPr id="218" name="OTLSHAPE_SLT_2abe17abfa014da1b51707c5fffb5581_JoinedDate">
              <a:extLst>
                <a:ext uri="{FF2B5EF4-FFF2-40B4-BE49-F238E27FC236}">
                  <a16:creationId xmlns:a16="http://schemas.microsoft.com/office/drawing/2014/main" id="{D16FF18A-3DD5-4A2E-A589-10577F4359B5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4600373" y="4931791"/>
              <a:ext cx="1193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 25 '22 - Mar 24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19" name="OTLSHAPE_SLT_2abe17abfa014da1b51707c5fffb5581_Title">
              <a:extLst>
                <a:ext uri="{FF2B5EF4-FFF2-40B4-BE49-F238E27FC236}">
                  <a16:creationId xmlns:a16="http://schemas.microsoft.com/office/drawing/2014/main" id="{8568CD94-FF9F-47B1-AFD4-E399C1DAD2E0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3001834" y="4924044"/>
              <a:ext cx="1066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TL1 Conditioning</a:t>
              </a:r>
            </a:p>
          </p:txBody>
        </p:sp>
        <p:sp>
          <p:nvSpPr>
            <p:cNvPr id="220" name="OTLSHAPE_TB_00000000000000000000000000000000_ScaleMarking3">
              <a:extLst>
                <a:ext uri="{FF2B5EF4-FFF2-40B4-BE49-F238E27FC236}">
                  <a16:creationId xmlns:a16="http://schemas.microsoft.com/office/drawing/2014/main" id="{A631305E-D96D-4903-B4ED-5898DADD01E7}"/>
                </a:ext>
              </a:extLst>
            </p:cNvPr>
            <p:cNvSpPr txBox="1"/>
            <p:nvPr>
              <p:custDataLst>
                <p:tags r:id="rId98"/>
              </p:custDataLst>
            </p:nvPr>
          </p:nvSpPr>
          <p:spPr>
            <a:xfrm>
              <a:off x="9527076" y="608965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3</a:t>
              </a:r>
            </a:p>
          </p:txBody>
        </p:sp>
        <p:sp>
          <p:nvSpPr>
            <p:cNvPr id="221" name="OTLSHAPE_TB_00000000000000000000000000000000_TimescaleInterval8">
              <a:extLst>
                <a:ext uri="{FF2B5EF4-FFF2-40B4-BE49-F238E27FC236}">
                  <a16:creationId xmlns:a16="http://schemas.microsoft.com/office/drawing/2014/main" id="{FACCFB5D-F8A3-4099-A9CA-865057244EE2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7596019" y="833120"/>
              <a:ext cx="211148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Oct</a:t>
              </a:r>
            </a:p>
          </p:txBody>
        </p:sp>
        <p:sp>
          <p:nvSpPr>
            <p:cNvPr id="222" name="OTLSHAPE_TB_00000000000000000000000000000000_TimescaleInterval9">
              <a:extLst>
                <a:ext uri="{FF2B5EF4-FFF2-40B4-BE49-F238E27FC236}">
                  <a16:creationId xmlns:a16="http://schemas.microsoft.com/office/drawing/2014/main" id="{BB0707FB-3562-46A5-982C-DA42BC41F0A8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8553697" y="833120"/>
              <a:ext cx="237244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Dec</a:t>
              </a:r>
            </a:p>
          </p:txBody>
        </p:sp>
        <p:sp>
          <p:nvSpPr>
            <p:cNvPr id="223" name="OTLSHAPE_TB_00000000000000000000000000000000_TimescaleInterval10">
              <a:extLst>
                <a:ext uri="{FF2B5EF4-FFF2-40B4-BE49-F238E27FC236}">
                  <a16:creationId xmlns:a16="http://schemas.microsoft.com/office/drawing/2014/main" id="{B2C80465-4721-46DE-B193-F213145AE62D}"/>
                </a:ext>
              </a:extLst>
            </p:cNvPr>
            <p:cNvSpPr txBox="1"/>
            <p:nvPr>
              <p:custDataLst>
                <p:tags r:id="rId101"/>
              </p:custDataLst>
            </p:nvPr>
          </p:nvSpPr>
          <p:spPr>
            <a:xfrm>
              <a:off x="9527076" y="833120"/>
              <a:ext cx="225383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</a:t>
              </a:r>
            </a:p>
          </p:txBody>
        </p:sp>
        <p:sp>
          <p:nvSpPr>
            <p:cNvPr id="224" name="OTLSHAPE_TB_00000000000000000000000000000000_TimescaleInterval11">
              <a:extLst>
                <a:ext uri="{FF2B5EF4-FFF2-40B4-BE49-F238E27FC236}">
                  <a16:creationId xmlns:a16="http://schemas.microsoft.com/office/drawing/2014/main" id="{EE95B425-4742-41EC-BAB9-6797F075B90E}"/>
                </a:ext>
              </a:extLst>
            </p:cNvPr>
            <p:cNvSpPr txBox="1"/>
            <p:nvPr>
              <p:custDataLst>
                <p:tags r:id="rId102"/>
              </p:custDataLst>
            </p:nvPr>
          </p:nvSpPr>
          <p:spPr>
            <a:xfrm>
              <a:off x="10453356" y="833120"/>
              <a:ext cx="222818" cy="1778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Apr</a:t>
              </a:r>
            </a:p>
          </p:txBody>
        </p:sp>
        <p:sp>
          <p:nvSpPr>
            <p:cNvPr id="225" name="OTLSHAPE_TB_00000000000000000000000000000000_TodayMarkerText">
              <a:extLst>
                <a:ext uri="{FF2B5EF4-FFF2-40B4-BE49-F238E27FC236}">
                  <a16:creationId xmlns:a16="http://schemas.microsoft.com/office/drawing/2014/main" id="{C886B63E-DDA9-47BA-8CB1-ECDF62F204B3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1237977" y="524298"/>
              <a:ext cx="368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120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oday</a:t>
              </a:r>
            </a:p>
          </p:txBody>
        </p:sp>
        <p:sp>
          <p:nvSpPr>
            <p:cNvPr id="226" name="OTLSHAPE_M_0e28a84cf6724e00a089964be0d24b0c_Shape">
              <a:extLst>
                <a:ext uri="{FF2B5EF4-FFF2-40B4-BE49-F238E27FC236}">
                  <a16:creationId xmlns:a16="http://schemas.microsoft.com/office/drawing/2014/main" id="{5B51C87E-F0CF-4CD7-B383-C5FB7466FBDD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9081222" y="680720"/>
              <a:ext cx="152400" cy="1778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7" name="OTLSHAPE_M_e7d42421d9e640a2a107afa423141c46_Shape">
              <a:extLst>
                <a:ext uri="{FF2B5EF4-FFF2-40B4-BE49-F238E27FC236}">
                  <a16:creationId xmlns:a16="http://schemas.microsoft.com/office/drawing/2014/main" id="{767FAB3D-0A39-48B0-A5C3-EF68387338E1}"/>
                </a:ext>
              </a:extLst>
            </p:cNvPr>
            <p:cNvSpPr/>
            <p:nvPr>
              <p:custDataLst>
                <p:tags r:id="rId105"/>
              </p:custDataLst>
            </p:nvPr>
          </p:nvSpPr>
          <p:spPr>
            <a:xfrm>
              <a:off x="4371325" y="680720"/>
              <a:ext cx="152400" cy="1778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8" name="OTLSHAPE_M_177188707e544830b8ce884a45b14d3a_Shape">
              <a:extLst>
                <a:ext uri="{FF2B5EF4-FFF2-40B4-BE49-F238E27FC236}">
                  <a16:creationId xmlns:a16="http://schemas.microsoft.com/office/drawing/2014/main" id="{7881207B-646A-42C5-8575-EE1D364C1484}"/>
                </a:ext>
              </a:extLst>
            </p:cNvPr>
            <p:cNvSpPr/>
            <p:nvPr>
              <p:custDataLst>
                <p:tags r:id="rId106"/>
              </p:custDataLst>
            </p:nvPr>
          </p:nvSpPr>
          <p:spPr>
            <a:xfrm>
              <a:off x="1356991" y="680720"/>
              <a:ext cx="152400" cy="1778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9" name="OTLSHAPE_M_177188707e544830b8ce884a45b14d3a_Title">
              <a:extLst>
                <a:ext uri="{FF2B5EF4-FFF2-40B4-BE49-F238E27FC236}">
                  <a16:creationId xmlns:a16="http://schemas.microsoft.com/office/drawing/2014/main" id="{49333625-75C7-4638-953B-CDB9D7231C6B}"/>
                </a:ext>
              </a:extLst>
            </p:cNvPr>
            <p:cNvSpPr txBox="1"/>
            <p:nvPr>
              <p:custDataLst>
                <p:tags r:id="rId107"/>
              </p:custDataLst>
            </p:nvPr>
          </p:nvSpPr>
          <p:spPr>
            <a:xfrm>
              <a:off x="1243771" y="484801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RR2A</a:t>
              </a:r>
            </a:p>
          </p:txBody>
        </p:sp>
        <p:sp>
          <p:nvSpPr>
            <p:cNvPr id="230" name="OTLSHAPE_M_e7d42421d9e640a2a107afa423141c46_Title">
              <a:extLst>
                <a:ext uri="{FF2B5EF4-FFF2-40B4-BE49-F238E27FC236}">
                  <a16:creationId xmlns:a16="http://schemas.microsoft.com/office/drawing/2014/main" id="{9FBACEE1-9641-4015-BE93-87DCDB33AEF4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>
              <a:off x="4261280" y="329777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RR2B</a:t>
              </a:r>
            </a:p>
          </p:txBody>
        </p:sp>
        <p:sp>
          <p:nvSpPr>
            <p:cNvPr id="231" name="OTLSHAPE_M_0e28a84cf6724e00a089964be0d24b0c_Title">
              <a:extLst>
                <a:ext uri="{FF2B5EF4-FFF2-40B4-BE49-F238E27FC236}">
                  <a16:creationId xmlns:a16="http://schemas.microsoft.com/office/drawing/2014/main" id="{99C23D0B-4A07-42B3-962F-5598EFE2986A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>
              <a:off x="9010335" y="329777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1200" cap="none" spc="-1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RR3</a:t>
              </a:r>
            </a:p>
          </p:txBody>
        </p:sp>
        <p:sp>
          <p:nvSpPr>
            <p:cNvPr id="232" name="OTLSHAPE_M_e7d42421d9e640a2a107afa423141c46_Date">
              <a:extLst>
                <a:ext uri="{FF2B5EF4-FFF2-40B4-BE49-F238E27FC236}">
                  <a16:creationId xmlns:a16="http://schemas.microsoft.com/office/drawing/2014/main" id="{362F8CA8-7B9D-4246-A22E-5B9B902FBED5}"/>
                </a:ext>
              </a:extLst>
            </p:cNvPr>
            <p:cNvSpPr txBox="1"/>
            <p:nvPr>
              <p:custDataLst>
                <p:tags r:id="rId110"/>
              </p:custDataLst>
            </p:nvPr>
          </p:nvSpPr>
          <p:spPr>
            <a:xfrm>
              <a:off x="4169184" y="50029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4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r 18 '22</a:t>
              </a:r>
              <a:endParaRPr kumimoji="0" lang="en-GB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33" name="OTLSHAPE_M_0e28a84cf6724e00a089964be0d24b0c_Date">
              <a:extLst>
                <a:ext uri="{FF2B5EF4-FFF2-40B4-BE49-F238E27FC236}">
                  <a16:creationId xmlns:a16="http://schemas.microsoft.com/office/drawing/2014/main" id="{13180A7A-43E8-4BF1-862B-8D7E64214047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8901898" y="50029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1200" cap="none" spc="-6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Jan 12 '23</a:t>
              </a:r>
              <a:endParaRPr kumimoji="0" lang="en-GB" sz="1000" b="0" i="0" u="none" strike="noStrike" kern="1200" cap="none" spc="-6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541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3A408-4C02-459A-B5CD-DDE45BF35C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eam on Target Situati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41D0F82-BFFD-4736-A4A4-5158BBA6A2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015EDED-D6FE-4A8C-84CD-81FF664DDE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4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87FDDA9-E152-418F-90D4-11384F66C62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6E2416A-3BB0-4509-A1AE-ABBD4E8080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BOT before COVID March 2022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BOT after COVID March 2024 (guess as today, we are finishing a </a:t>
            </a:r>
            <a:r>
              <a:rPr lang="en-GB" dirty="0" err="1"/>
              <a:t>rebaselining</a:t>
            </a:r>
            <a:r>
              <a:rPr lang="en-GB" dirty="0"/>
              <a:t> this month)  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58810FC-1894-49C5-8949-BB92ECDC98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B536319-EC91-4961-A882-2BAF40B31009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84854" y="2563328"/>
            <a:ext cx="7669427" cy="40945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729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43E4D-77CE-4436-9051-7CCAC8764D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are </a:t>
            </a:r>
            <a:r>
              <a:rPr lang="en-GB"/>
              <a:t>the reasons for the delay?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BAF6685-D4AE-413B-AB86-AAA9D298D3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50E076F-9A32-435D-873F-78369A44E5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B2067D9-16F1-404D-AD47-78EB5639B3B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F3D398D-A410-4E2A-9CC9-003485D6653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How ESS adapted to work in COVID times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Effect on </a:t>
            </a:r>
            <a:r>
              <a:rPr lang="en-GB" dirty="0" err="1"/>
              <a:t>InKind</a:t>
            </a:r>
            <a:r>
              <a:rPr lang="en-GB" dirty="0"/>
              <a:t> partners</a:t>
            </a:r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Delay in the installation</a:t>
            </a:r>
          </a:p>
          <a:p>
            <a:pPr marL="938213" lvl="2" indent="-457200">
              <a:buFont typeface="+mj-lt"/>
              <a:buAutoNum type="arabicPeriod"/>
            </a:pPr>
            <a:r>
              <a:rPr lang="it-IT" dirty="0"/>
              <a:t>I.N.F.N. Staff were not permited to travel to ESS for installation and tuning of the DTL until 8 month after the scheduled date</a:t>
            </a:r>
            <a:r>
              <a:rPr lang="en-GB" dirty="0"/>
              <a:t> (and tuning and installation by Facetime proved a bit difficult, but we did manage installation of 6 out of 24 post-couplers during this period)</a:t>
            </a:r>
          </a:p>
          <a:p>
            <a:pPr marL="938213" lvl="2" indent="-457200">
              <a:buFont typeface="+mj-lt"/>
              <a:buAutoNum type="arabicPeriod"/>
            </a:pPr>
            <a:r>
              <a:rPr lang="en-GB" dirty="0"/>
              <a:t>CEA </a:t>
            </a:r>
            <a:r>
              <a:rPr lang="en-GB" dirty="0" err="1"/>
              <a:t>Saclay</a:t>
            </a:r>
            <a:r>
              <a:rPr lang="en-GB" dirty="0"/>
              <a:t> staff also have to wait a long time before being able to come to ESS to validate RFQ installation and start the RF conditioning</a:t>
            </a:r>
          </a:p>
          <a:p>
            <a:pPr marL="671513" lvl="1" indent="-457200">
              <a:buFont typeface="+mj-lt"/>
              <a:buAutoNum type="arabicPeriod"/>
            </a:pPr>
            <a:r>
              <a:rPr lang="it-IT" dirty="0"/>
              <a:t>Effect on the partner labs themselves </a:t>
            </a:r>
          </a:p>
          <a:p>
            <a:pPr marL="938213" lvl="2" indent="-457200">
              <a:buFont typeface="+mj-lt"/>
              <a:buAutoNum type="arabicPeriod"/>
            </a:pPr>
            <a:r>
              <a:rPr lang="it-IT" dirty="0"/>
              <a:t>Reduced or completely stop of work</a:t>
            </a:r>
          </a:p>
          <a:p>
            <a:pPr marL="938213" lvl="2" indent="-457200">
              <a:buFont typeface="+mj-lt"/>
              <a:buAutoNum type="arabicPeriod"/>
            </a:pPr>
            <a:r>
              <a:rPr lang="it-IT" dirty="0"/>
              <a:t>Deliveri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746DBA2-BD3E-412B-A933-2C437D008E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91282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70D6DEAF-A71B-45E9-89AF-8A80F84BFD9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8AEB60C-6874-417D-B88C-85E6347C5EC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174E72A-C360-470B-B45B-AC67332FA96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ECBBD2A-773C-4E9E-B3B0-5D3A2623240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3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4C4EB850-24B0-40B6-979C-59B6353FD5F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sz="4400" dirty="0"/>
              <a:t>Creating the Operations organization</a:t>
            </a:r>
          </a:p>
          <a:p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F4926BD-C5BF-4147-8420-7C2450745900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D4DBA3-9C48-4162-904E-19E8A018EECD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16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65E9CBD-835E-42D8-B2B1-A280AD940BE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14439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F72C71-A2EF-4D1E-BAB8-309B452E79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perations team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CCBA7D5-0593-444F-9F1E-15C740E1EA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018D10E-8FF9-4564-A6DF-1CF68A8DFF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A89305A-D308-4725-8B23-FCFFD5335BD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24E44D1-D14F-4C53-8987-9080ECE718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3 Shift Leaders (</a:t>
            </a:r>
            <a:r>
              <a:rPr lang="en-GB" dirty="0" err="1"/>
              <a:t>Arek</a:t>
            </a:r>
            <a:r>
              <a:rPr lang="en-GB" dirty="0"/>
              <a:t>, Benjamin, Joe) and 2 Operators (Julien) hired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2 more Shift Leaders being recruited now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Extra Temporary Operators ‘’loaned’’ by Software and Beam Physic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Training provided for operations personal, plus new learning platform (</a:t>
            </a:r>
            <a:r>
              <a:rPr lang="en-GB" dirty="0" err="1"/>
              <a:t>sabacloud</a:t>
            </a:r>
            <a:r>
              <a:rPr lang="en-GB" dirty="0"/>
              <a:t>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During non-operation time, we have SL on site (not necessarily at the LCO) during normal working hour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Next commissioning run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2 shifts per day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7 days a week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1 SL (from Operations), 1 Operator (Ops or temporary) plus up to 6 person from predefined team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Limit for the moment of  8+1 persons at the LCO</a:t>
            </a:r>
          </a:p>
          <a:p>
            <a:pPr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1404F07-EE93-4C9E-A8B0-827B2E92E2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5149977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FE7ECF-0D8E-4986-95B0-C6D1138B0E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CO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18A0F23-D322-47ED-A444-B898C3628A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ECC58B-AB69-46D5-9D5F-DD665399AC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8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5A4B978-F8CB-4FD1-B612-A959274C2F8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CAE9729-AE9C-4490-86C0-788350B299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E9A8774C-BA08-1046-971A-B9326895C04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57897" y="1562100"/>
            <a:ext cx="8838032" cy="4768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3168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1026A8-4815-4078-93B3-0ADE7B00E7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CR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6CF0D34-A4C4-4B5E-BD08-1E1EE5805A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3E46C59-D4F8-4397-8D39-1120075F42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9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2DCF1B7-735E-4314-8CFE-B63BC1FD1B6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70EA78B-8686-40D1-B937-1F6078D8CD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85BE7C2-8CD0-1844-A31D-1D6FB2580186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3511" y="931026"/>
            <a:ext cx="5547360" cy="416052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6A74F37-9B99-484F-8256-8EFC9F1129ED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21131" y="133588"/>
            <a:ext cx="4822683" cy="65908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049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515B4B-3ADD-418D-A61D-2099706C28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134CE1B4-62B3-438D-AEBF-F359667A07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pPr/>
              <a:t>2</a:t>
            </a:fld>
            <a:endParaRPr lang="sv-SE"/>
          </a:p>
        </p:txBody>
      </p:sp>
      <p:graphicFrame>
        <p:nvGraphicFramePr>
          <p:cNvPr id="8" name="Tabell 8">
            <a:extLst>
              <a:ext uri="{FF2B5EF4-FFF2-40B4-BE49-F238E27FC236}">
                <a16:creationId xmlns:a16="http://schemas.microsoft.com/office/drawing/2014/main" id="{6785EE1E-4A1C-4346-83D0-84014F8F230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19284266"/>
              </p:ext>
            </p:extLst>
          </p:nvPr>
        </p:nvGraphicFramePr>
        <p:xfrm>
          <a:off x="1195647" y="1633448"/>
          <a:ext cx="10134600" cy="18311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134600">
                  <a:extLst>
                    <a:ext uri="{9D8B030D-6E8A-4147-A177-3AD203B41FA5}">
                      <a16:colId xmlns:a16="http://schemas.microsoft.com/office/drawing/2014/main" val="1887023439"/>
                    </a:ext>
                  </a:extLst>
                </a:gridCol>
              </a:tblGrid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1	ESS status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65739561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2	Impact of COVID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22991455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3	Creating the Operations organization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78378964"/>
                  </a:ext>
                </a:extLst>
              </a:tr>
              <a:tr h="457794">
                <a:tc>
                  <a:txBody>
                    <a:bodyPr/>
                    <a:lstStyle/>
                    <a:p>
                      <a:pPr>
                        <a:tabLst>
                          <a:tab pos="357188" algn="l"/>
                        </a:tabLst>
                      </a:pPr>
                      <a:r>
                        <a:rPr lang="en-GB" sz="2000" b="0" noProof="0" dirty="0">
                          <a:solidFill>
                            <a:schemeClr val="bg1"/>
                          </a:solidFill>
                        </a:rPr>
                        <a:t>4	Conditioning and Commissioning</a:t>
                      </a:r>
                    </a:p>
                  </a:txBody>
                  <a:tcPr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70267039"/>
                  </a:ext>
                </a:extLst>
              </a:tr>
            </a:tbl>
          </a:graphicData>
        </a:graphic>
      </p:graphicFrame>
      <p:sp>
        <p:nvSpPr>
          <p:cNvPr id="6" name="Platshållare för sidfot 5">
            <a:extLst>
              <a:ext uri="{FF2B5EF4-FFF2-40B4-BE49-F238E27FC236}">
                <a16:creationId xmlns:a16="http://schemas.microsoft.com/office/drawing/2014/main" id="{8A59AED1-4BAA-47FE-A233-9C2F413DB6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PRESENTATION TITLE/FOOTER</a:t>
            </a:r>
          </a:p>
        </p:txBody>
      </p:sp>
      <p:sp>
        <p:nvSpPr>
          <p:cNvPr id="7" name="Platshållare för datum 3">
            <a:extLst>
              <a:ext uri="{FF2B5EF4-FFF2-40B4-BE49-F238E27FC236}">
                <a16:creationId xmlns:a16="http://schemas.microsoft.com/office/drawing/2014/main" id="{78972905-E434-5D47-AFD2-FA25DA38A1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>
                <a:solidFill>
                  <a:schemeClr val="bg1"/>
                </a:solidFill>
              </a:rPr>
              <a:t>2021-10-07</a:t>
            </a:fld>
            <a:endParaRPr lang="sv-S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0436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01A40C-F4D9-4A51-BFA4-FBE223F631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ving ESS from Project to Operational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F643A92-2114-48D5-952F-7E92109AE5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9309ED-C183-4C1F-A681-19475CDB5D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0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B5A9164-C1A5-4216-A134-DE4219C2018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512A25A-41EA-4914-899A-C9AF308B496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Always one SL on shift during working hour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Parts of the tunnel are now under PSS control, limiting the number of people in i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Daily coordination meeting run by the SL over Zoom to coordinate access to the controlled area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Requires Work Order system working and in us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New systems ready to move to operations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Training system, including certific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dentity management, linked to the training system, PSS and acces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EAM tool much improved (ESS Enterprise Asset Management System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Better definition on the procedures and proces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Better definition of the steps before starting test on the control room (Technical and Safety reviews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Access to the PSS controlled area</a:t>
            </a:r>
          </a:p>
          <a:p>
            <a:pPr marL="82550" lvl="1" indent="0">
              <a:buNone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63F7ED-8A1C-4BCA-BC05-3D9C490C6F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843142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70D6DEAF-A71B-45E9-89AF-8A80F84BFD9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8AEB60C-6874-417D-B88C-85E6347C5EC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174E72A-C360-470B-B45B-AC67332FA964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ECBBD2A-773C-4E9E-B3B0-5D3A2623240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4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4C4EB850-24B0-40B6-979C-59B6353FD5F0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sz="4400" dirty="0"/>
              <a:t>Conditioning and Commissioning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F4926BD-C5BF-4147-8420-7C2450745900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D4DBA3-9C48-4162-904E-19E8A018EECD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21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65E9CBD-835E-42D8-B2B1-A280AD940BE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80843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CC8C7C-A5EC-4D44-B2F2-FC38A9B90F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 of RF condition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140D7B3-A9E4-449B-B559-D3BD3B52EB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4C33089-476A-4308-99D2-7655CFC703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2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EF79B29-0FE3-4488-95D9-CCCE7EC1C35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0C3B32-6064-4CCC-B352-4DB4384279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515700" cy="4768062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2 Shifts per da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1 SL + RFQ experts + CEA partners (at the start)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Driven by the RFQ expert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SL to help and to operate the PSS1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Started 7 days/week, moved later to 5 days/week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sv-SE" dirty="0">
                <a:solidFill>
                  <a:schemeClr val="accent1"/>
                </a:solidFill>
              </a:rPr>
              <a:t>RFQ conditioning to nominal (or close to nominal) field </a:t>
            </a:r>
            <a:br>
              <a:rPr lang="sv-SE" dirty="0">
                <a:solidFill>
                  <a:schemeClr val="accent1"/>
                </a:solidFill>
              </a:rPr>
            </a:br>
            <a:r>
              <a:rPr lang="sv-SE" dirty="0">
                <a:solidFill>
                  <a:schemeClr val="accent1"/>
                </a:solidFill>
              </a:rPr>
              <a:t>in ~650 hours of operation</a:t>
            </a:r>
          </a:p>
          <a:p>
            <a:pPr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981AB0A-4081-416B-BA72-CBB491E8A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553ED5D-6D0E-44E0-8F94-17ECD02BE2CC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89347" y="1438102"/>
            <a:ext cx="7802653" cy="37815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71405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167821-3E9C-49E5-B107-2673463B35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issioning restarts in one week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3D0625-6A0F-4121-B930-258094DC63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0BA4059-7502-4F0F-95FB-EA76342BB0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3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A37705-C4C2-4230-9AE3-EEF0F6FBDF5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1143498-A6D5-4546-ABDA-02698CE0FA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2 Shifts per da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esponsibilities, handover of system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Updates in the tools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New logbook -&gt; </a:t>
            </a:r>
            <a:r>
              <a:rPr lang="en-GB" dirty="0" err="1"/>
              <a:t>Olog</a:t>
            </a:r>
            <a:endParaRPr lang="en-GB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New CS-Studio -&gt; Phoebus versio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Better prepared than the last times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Clearly defined stag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Larger operation group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C3DB9C-D27C-40FD-AA57-9087F605D6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77606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A6D6F9-B23D-4111-B37C-C9A60E3C98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hift Scheduler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F51450F-3F12-4871-B8FF-6C2A22E523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FC03D66-C693-422E-BB05-DFF9FF9C89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4</a:t>
            </a:fld>
            <a:endParaRPr lang="sv-SE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6254C679-2F52-4D06-8FA1-0F6033CCEA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Web based tool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All shifts for the next commissioning run planned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591C4628-FA9F-424F-BD20-BA332DD8308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3E1E843-40AB-40C0-AEFC-97A82DEDD6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15" name="Picture Placeholder 14">
            <a:extLst>
              <a:ext uri="{FF2B5EF4-FFF2-40B4-BE49-F238E27FC236}">
                <a16:creationId xmlns:a16="http://schemas.microsoft.com/office/drawing/2014/main" id="{357D6B93-F981-4C6A-A1D0-1B0CC161BB7E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0558" r="10558"/>
          <a:stretch>
            <a:fillRect/>
          </a:stretch>
        </p:blipFill>
        <p:spPr>
          <a:xfrm>
            <a:off x="6373813" y="1562100"/>
            <a:ext cx="4994275" cy="4768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57355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96DD2A58-170F-4FF7-97F1-9B2E6508EE7E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7D5C6E1-1CB9-41A9-A2CD-205CB3052B9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557C4B0-9AF7-4C94-91CC-A080BDB75D96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8A81ABB-2CE4-4645-BE4F-1B86857E29F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9495179A-F7CB-4AC6-8B8F-D885F2E0C9E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Backup Slide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D148DC7-86AE-446D-A71B-CE89B3BEF3C5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0" y="6475413"/>
            <a:ext cx="4321175" cy="365125"/>
          </a:xfrm>
        </p:spPr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20D969-D908-48BE-8DB5-9A070616A11D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9448800" y="6475413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25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BC17B0-707C-4B7A-B825-4423B05D0D1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475413"/>
            <a:ext cx="83343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165164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59991D-F669-6744-8C9C-3F436694A5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Financing: Cash and </a:t>
            </a:r>
            <a:r>
              <a:rPr lang="en-GB" dirty="0" err="1"/>
              <a:t>InKind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D59BEB8-21E7-DB43-868E-9B8EA9F027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052B419-C5EA-FB45-87D9-861F5E0F0E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6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C9419E6-7D17-B342-BCFD-FBFC67585E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9A50F31-E64A-F84B-9CC8-E940749E7EB0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77474" y="620949"/>
            <a:ext cx="6237051" cy="62370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6046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336197D4-A77D-4F3F-9009-2E1BA0BFB4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FQ Conditioning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2E4DC24C-3806-4362-A2BA-EB09BD832F2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sv-SE" dirty="0"/>
              <a:t>The ESS RFQ in numbers</a:t>
            </a:r>
          </a:p>
          <a:p>
            <a:pPr lvl="1"/>
            <a:r>
              <a:rPr lang="sv-SE" dirty="0"/>
              <a:t>2 coaxial power couplers</a:t>
            </a:r>
          </a:p>
          <a:p>
            <a:pPr lvl="1"/>
            <a:r>
              <a:rPr lang="sv-SE" dirty="0"/>
              <a:t>4 vanes ;-)</a:t>
            </a:r>
          </a:p>
          <a:p>
            <a:pPr lvl="1"/>
            <a:r>
              <a:rPr lang="sv-SE" dirty="0"/>
              <a:t>4.6 m long</a:t>
            </a:r>
          </a:p>
          <a:p>
            <a:pPr lvl="1"/>
            <a:r>
              <a:rPr lang="sv-SE" dirty="0"/>
              <a:t>5 segments</a:t>
            </a:r>
          </a:p>
          <a:p>
            <a:pPr lvl="1"/>
            <a:r>
              <a:rPr lang="sv-SE" dirty="0"/>
              <a:t>22 field pickups</a:t>
            </a:r>
          </a:p>
          <a:p>
            <a:pPr lvl="1"/>
            <a:r>
              <a:rPr lang="sv-SE" dirty="0"/>
              <a:t>60 static tuners</a:t>
            </a:r>
          </a:p>
          <a:p>
            <a:pPr lvl="1"/>
            <a:r>
              <a:rPr lang="sv-SE" dirty="0"/>
              <a:t>66 cooling circuits</a:t>
            </a:r>
          </a:p>
          <a:p>
            <a:pPr lvl="1"/>
            <a:r>
              <a:rPr lang="sv-SE" dirty="0"/>
              <a:t>80-120 kV intervane voltage</a:t>
            </a:r>
          </a:p>
          <a:p>
            <a:pPr lvl="1"/>
            <a:r>
              <a:rPr lang="sv-SE" dirty="0"/>
              <a:t>352.21 MHz</a:t>
            </a:r>
          </a:p>
          <a:p>
            <a:r>
              <a:rPr lang="sv-SE" dirty="0"/>
              <a:t>Later History:</a:t>
            </a:r>
          </a:p>
          <a:p>
            <a:pPr lvl="1"/>
            <a:r>
              <a:rPr lang="sv-SE" dirty="0"/>
              <a:t>January – April 2018: </a:t>
            </a:r>
            <a:br>
              <a:rPr lang="sv-SE" dirty="0"/>
            </a:br>
            <a:r>
              <a:rPr lang="sv-SE" dirty="0"/>
              <a:t>Couplers conditioned at CEA</a:t>
            </a:r>
          </a:p>
          <a:p>
            <a:pPr lvl="1"/>
            <a:r>
              <a:rPr lang="sv-SE" dirty="0"/>
              <a:t>August – December 2019:</a:t>
            </a:r>
            <a:br>
              <a:rPr lang="sv-SE" dirty="0"/>
            </a:br>
            <a:r>
              <a:rPr lang="sv-SE" dirty="0"/>
              <a:t>Installation and tuning at ESS</a:t>
            </a:r>
          </a:p>
          <a:p>
            <a:pPr lvl="1"/>
            <a:r>
              <a:rPr lang="sv-SE" dirty="0"/>
              <a:t>June – July 2021:</a:t>
            </a:r>
            <a:br>
              <a:rPr lang="sv-SE" dirty="0"/>
            </a:br>
            <a:r>
              <a:rPr lang="sv-SE" dirty="0"/>
              <a:t>Conditioning</a:t>
            </a:r>
          </a:p>
          <a:p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C27A442-7CF0-4905-B824-660DE7CCDEB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13" name="Content Placeholder 5">
            <a:extLst>
              <a:ext uri="{FF2B5EF4-FFF2-40B4-BE49-F238E27FC236}">
                <a16:creationId xmlns:a16="http://schemas.microsoft.com/office/drawing/2014/main" id="{C820A8A5-B986-4304-9246-FCD858845C9A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6373813" y="1562100"/>
            <a:ext cx="4994275" cy="4768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80922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858EE3-6DC0-9340-B09E-C5EE516ED0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Issues</a:t>
            </a:r>
            <a:r>
              <a:rPr lang="sv-SE" dirty="0"/>
              <a:t>… (</a:t>
            </a:r>
            <a:r>
              <a:rPr lang="sv-SE" dirty="0" err="1"/>
              <a:t>expected</a:t>
            </a:r>
            <a:r>
              <a:rPr lang="sv-SE" dirty="0"/>
              <a:t> and </a:t>
            </a:r>
            <a:r>
              <a:rPr lang="sv-SE" dirty="0" err="1"/>
              <a:t>unexpected</a:t>
            </a:r>
            <a:r>
              <a:rPr lang="sv-SE" dirty="0"/>
              <a:t>)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D9430E-79A7-744E-8494-C8FC1B35D7B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sv-SE" b="1" dirty="0"/>
              <a:t>Lack </a:t>
            </a:r>
            <a:r>
              <a:rPr lang="sv-SE" b="1" dirty="0" err="1"/>
              <a:t>of</a:t>
            </a:r>
            <a:r>
              <a:rPr lang="sv-SE" b="1" dirty="0"/>
              <a:t> </a:t>
            </a:r>
            <a:r>
              <a:rPr lang="sv-SE" b="1" dirty="0" err="1"/>
              <a:t>waveform</a:t>
            </a:r>
            <a:r>
              <a:rPr lang="sv-SE" b="1" dirty="0"/>
              <a:t> </a:t>
            </a:r>
            <a:r>
              <a:rPr lang="sv-SE" b="1" dirty="0" err="1"/>
              <a:t>archiving</a:t>
            </a:r>
            <a:r>
              <a:rPr lang="sv-SE" dirty="0"/>
              <a:t>: </a:t>
            </a:r>
            <a:br>
              <a:rPr lang="sv-SE" dirty="0"/>
            </a:b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</a:t>
            </a:r>
            <a:r>
              <a:rPr lang="sv-SE" dirty="0" err="1"/>
              <a:t>almost</a:t>
            </a:r>
            <a:r>
              <a:rPr lang="sv-SE" dirty="0"/>
              <a:t> no </a:t>
            </a:r>
            <a:r>
              <a:rPr lang="sv-SE" dirty="0" err="1"/>
              <a:t>waveform</a:t>
            </a:r>
            <a:r>
              <a:rPr lang="sv-SE" dirty="0"/>
              <a:t> data from normal </a:t>
            </a:r>
            <a:r>
              <a:rPr lang="sv-SE" dirty="0" err="1"/>
              <a:t>pulses</a:t>
            </a:r>
            <a:endParaRPr lang="sv-SE" dirty="0"/>
          </a:p>
          <a:p>
            <a:r>
              <a:rPr lang="sv-SE" dirty="0"/>
              <a:t>Lack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discipline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b="1" dirty="0" err="1"/>
              <a:t>acquisition</a:t>
            </a:r>
            <a:r>
              <a:rPr lang="sv-SE" b="1" dirty="0"/>
              <a:t> </a:t>
            </a:r>
            <a:r>
              <a:rPr lang="sv-SE" b="1" dirty="0" err="1"/>
              <a:t>windows</a:t>
            </a:r>
            <a:endParaRPr lang="sv-SE" b="1" dirty="0"/>
          </a:p>
          <a:p>
            <a:pPr lvl="1"/>
            <a:r>
              <a:rPr lang="sv-SE" dirty="0"/>
              <a:t>Set for a 50 µs </a:t>
            </a:r>
            <a:r>
              <a:rPr lang="sv-SE" dirty="0" err="1"/>
              <a:t>pulse</a:t>
            </a:r>
            <a:r>
              <a:rPr lang="sv-SE" dirty="0"/>
              <a:t>, </a:t>
            </a:r>
            <a:br>
              <a:rPr lang="sv-SE" dirty="0"/>
            </a:br>
            <a:r>
              <a:rPr lang="sv-SE" dirty="0" err="1"/>
              <a:t>condition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25 µs…</a:t>
            </a:r>
          </a:p>
          <a:p>
            <a:pPr lvl="1"/>
            <a:r>
              <a:rPr lang="sv-SE" dirty="0"/>
              <a:t>Lot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changes</a:t>
            </a:r>
            <a:r>
              <a:rPr lang="sv-SE" dirty="0"/>
              <a:t> for </a:t>
            </a:r>
            <a:r>
              <a:rPr lang="sv-SE" dirty="0" err="1"/>
              <a:t>measurement</a:t>
            </a:r>
            <a:r>
              <a:rPr lang="sv-SE" dirty="0"/>
              <a:t>, </a:t>
            </a:r>
            <a:r>
              <a:rPr lang="sv-SE" dirty="0" err="1"/>
              <a:t>calibration</a:t>
            </a:r>
            <a:r>
              <a:rPr lang="sv-SE" dirty="0"/>
              <a:t>, …</a:t>
            </a:r>
          </a:p>
          <a:p>
            <a:r>
              <a:rPr lang="sv-SE" dirty="0" err="1"/>
              <a:t>Archiver</a:t>
            </a:r>
            <a:r>
              <a:rPr lang="sv-SE" dirty="0"/>
              <a:t> </a:t>
            </a:r>
            <a:r>
              <a:rPr lang="sv-SE" dirty="0" err="1"/>
              <a:t>was</a:t>
            </a:r>
            <a:r>
              <a:rPr lang="sv-SE" dirty="0"/>
              <a:t> not </a:t>
            </a:r>
            <a:r>
              <a:rPr lang="sv-SE" dirty="0" err="1"/>
              <a:t>entirely</a:t>
            </a:r>
            <a:r>
              <a:rPr lang="sv-SE" dirty="0"/>
              <a:t> </a:t>
            </a:r>
            <a:r>
              <a:rPr lang="sv-SE" dirty="0" err="1"/>
              <a:t>stable</a:t>
            </a:r>
            <a:r>
              <a:rPr lang="sv-SE" dirty="0"/>
              <a:t>: </a:t>
            </a:r>
            <a:r>
              <a:rPr lang="sv-SE" dirty="0" err="1"/>
              <a:t>multiple</a:t>
            </a:r>
            <a:r>
              <a:rPr lang="sv-SE" dirty="0"/>
              <a:t> </a:t>
            </a:r>
            <a:r>
              <a:rPr lang="sv-SE" dirty="0" err="1"/>
              <a:t>downtimes</a:t>
            </a:r>
            <a:endParaRPr lang="sv-SE" dirty="0"/>
          </a:p>
          <a:p>
            <a:pPr marL="0" indent="0">
              <a:buNone/>
            </a:pPr>
            <a:endParaRPr lang="sv-SE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6224451F-9A85-FE41-BA59-EECEF99A21AD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>
            <a:normAutofit/>
          </a:bodyPr>
          <a:lstStyle/>
          <a:p>
            <a:r>
              <a:rPr lang="sv-SE" dirty="0"/>
              <a:t>LLRF </a:t>
            </a:r>
            <a:r>
              <a:rPr lang="sv-SE" dirty="0" err="1"/>
              <a:t>stability</a:t>
            </a:r>
            <a:r>
              <a:rPr lang="sv-SE" dirty="0"/>
              <a:t> problems</a:t>
            </a:r>
          </a:p>
          <a:p>
            <a:pPr lvl="1"/>
            <a:r>
              <a:rPr lang="sv-SE" dirty="0" err="1"/>
              <a:t>Firmware</a:t>
            </a:r>
            <a:r>
              <a:rPr lang="sv-SE" dirty="0"/>
              <a:t> hangs </a:t>
            </a:r>
            <a:r>
              <a:rPr lang="sv-SE" dirty="0" err="1"/>
              <a:t>after</a:t>
            </a:r>
            <a:r>
              <a:rPr lang="sv-SE" dirty="0"/>
              <a:t> interlocks:</a:t>
            </a:r>
            <a:br>
              <a:rPr lang="sv-SE" dirty="0"/>
            </a:br>
            <a:r>
              <a:rPr lang="sv-SE" dirty="0" err="1"/>
              <a:t>issue</a:t>
            </a:r>
            <a:r>
              <a:rPr lang="sv-SE" dirty="0"/>
              <a:t> </a:t>
            </a:r>
            <a:r>
              <a:rPr lang="sv-SE" dirty="0" err="1"/>
              <a:t>specific</a:t>
            </a:r>
            <a:r>
              <a:rPr lang="sv-SE" dirty="0"/>
              <a:t> to RFQ system </a:t>
            </a:r>
            <a:br>
              <a:rPr lang="sv-SE" dirty="0"/>
            </a:br>
            <a:r>
              <a:rPr lang="sv-SE" dirty="0"/>
              <a:t>(40 </a:t>
            </a:r>
            <a:r>
              <a:rPr lang="sv-SE" dirty="0" err="1"/>
              <a:t>acquisition</a:t>
            </a:r>
            <a:r>
              <a:rPr lang="sv-SE" dirty="0"/>
              <a:t> </a:t>
            </a:r>
            <a:r>
              <a:rPr lang="sv-SE" dirty="0" err="1"/>
              <a:t>channels</a:t>
            </a:r>
            <a:r>
              <a:rPr lang="sv-SE" dirty="0"/>
              <a:t>)</a:t>
            </a:r>
          </a:p>
          <a:p>
            <a:r>
              <a:rPr lang="sv-SE" dirty="0" err="1"/>
              <a:t>Cooling</a:t>
            </a:r>
            <a:r>
              <a:rPr lang="sv-SE" dirty="0"/>
              <a:t> </a:t>
            </a:r>
            <a:r>
              <a:rPr lang="sv-SE" dirty="0" err="1"/>
              <a:t>water</a:t>
            </a:r>
            <a:r>
              <a:rPr lang="sv-SE" dirty="0"/>
              <a:t> in the </a:t>
            </a:r>
            <a:r>
              <a:rPr lang="sv-SE" dirty="0" err="1"/>
              <a:t>gallery</a:t>
            </a:r>
            <a:r>
              <a:rPr lang="sv-SE" dirty="0"/>
              <a:t>: </a:t>
            </a:r>
            <a:br>
              <a:rPr lang="sv-SE" dirty="0"/>
            </a:br>
            <a:r>
              <a:rPr lang="sv-SE" dirty="0" err="1"/>
              <a:t>any</a:t>
            </a:r>
            <a:r>
              <a:rPr lang="sv-SE" dirty="0"/>
              <a:t> </a:t>
            </a:r>
            <a:r>
              <a:rPr lang="sv-SE" dirty="0" err="1"/>
              <a:t>valve</a:t>
            </a:r>
            <a:r>
              <a:rPr lang="sv-SE" dirty="0"/>
              <a:t> </a:t>
            </a:r>
            <a:r>
              <a:rPr lang="sv-SE" dirty="0" err="1"/>
              <a:t>opened</a:t>
            </a:r>
            <a:r>
              <a:rPr lang="sv-SE" dirty="0"/>
              <a:t>/</a:t>
            </a:r>
            <a:r>
              <a:rPr lang="sv-SE" dirty="0" err="1"/>
              <a:t>closed</a:t>
            </a:r>
            <a:r>
              <a:rPr lang="sv-SE" dirty="0"/>
              <a:t> on the CWM </a:t>
            </a:r>
            <a:r>
              <a:rPr lang="sv-SE" dirty="0" err="1"/>
              <a:t>circuit</a:t>
            </a:r>
            <a:r>
              <a:rPr lang="sv-SE" dirty="0"/>
              <a:t> </a:t>
            </a:r>
            <a:r>
              <a:rPr lang="sv-SE" dirty="0" err="1"/>
              <a:t>will</a:t>
            </a:r>
            <a:r>
              <a:rPr lang="sv-SE" dirty="0"/>
              <a:t> </a:t>
            </a:r>
            <a:r>
              <a:rPr lang="sv-SE" dirty="0" err="1"/>
              <a:t>affect</a:t>
            </a:r>
            <a:r>
              <a:rPr lang="sv-SE" dirty="0"/>
              <a:t> all </a:t>
            </a:r>
            <a:r>
              <a:rPr lang="sv-SE" dirty="0" err="1"/>
              <a:t>others</a:t>
            </a:r>
            <a:endParaRPr lang="sv-SE" dirty="0"/>
          </a:p>
          <a:p>
            <a:pPr lvl="1"/>
            <a:r>
              <a:rPr lang="sv-SE" dirty="0" err="1"/>
              <a:t>Downtime</a:t>
            </a:r>
            <a:r>
              <a:rPr lang="sv-SE" dirty="0"/>
              <a:t> </a:t>
            </a:r>
            <a:r>
              <a:rPr lang="sv-SE" dirty="0" err="1"/>
              <a:t>due</a:t>
            </a:r>
            <a:r>
              <a:rPr lang="sv-SE" dirty="0"/>
              <a:t> to klystron </a:t>
            </a:r>
            <a:r>
              <a:rPr lang="sv-SE" dirty="0" err="1"/>
              <a:t>water</a:t>
            </a:r>
            <a:r>
              <a:rPr lang="sv-SE" dirty="0"/>
              <a:t> </a:t>
            </a:r>
            <a:r>
              <a:rPr lang="sv-SE" dirty="0" err="1"/>
              <a:t>flow</a:t>
            </a:r>
            <a:r>
              <a:rPr lang="sv-SE" dirty="0"/>
              <a:t> interlock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9E335-679B-4E4E-AC34-8F08A77ED3DB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58335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DDD4DA-9A8E-4C92-9BCC-2C0B1BDD96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TestStands</a:t>
            </a:r>
            <a:r>
              <a:rPr lang="en-GB" dirty="0"/>
              <a:t> Activit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ED5293B-2B4B-4F4B-8F82-F678B34AF9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6344A71-37EC-4DDD-9A26-30BEB9AB7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9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3AA281C-1DF1-438B-9FBB-09EBEEFC6D1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2271612-4819-4989-8CD5-53126C59D8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TS2 keep working all along the </a:t>
            </a:r>
            <a:r>
              <a:rPr lang="en-GB" dirty="0" err="1"/>
              <a:t>pandemia</a:t>
            </a:r>
            <a:endParaRPr lang="en-GB" dirty="0"/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Fully qualify the first two cryostats (including the RF part) of the Medium Beta sectio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Success both on the </a:t>
            </a:r>
            <a:r>
              <a:rPr lang="en-GB" dirty="0" err="1"/>
              <a:t>cryo</a:t>
            </a:r>
            <a:r>
              <a:rPr lang="en-GB" dirty="0"/>
              <a:t> part and in the RF part</a:t>
            </a:r>
          </a:p>
          <a:p>
            <a:pPr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C38F377-6435-48C5-B139-26D5D9B723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9EF4307-7EEC-407B-8364-D7020F51186E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3468" y="3178221"/>
            <a:ext cx="7486382" cy="329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516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CA7A15F7-B2EA-4BF8-836A-22BB5E0C6B0B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0CD92F4-4B66-4BFF-ACBE-2AC9AD9391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957201F-7C24-4AAC-B927-26A5EA9FF6F8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5C8E47D-51D0-4599-BBA0-A246BFC0CF9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1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DAE1BFA6-FA2C-4E01-92A4-15C15B2785E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ESS Status</a:t>
            </a:r>
          </a:p>
        </p:txBody>
      </p:sp>
    </p:spTree>
    <p:extLst>
      <p:ext uri="{BB962C8B-B14F-4D97-AF65-F5344CB8AC3E}">
        <p14:creationId xmlns:p14="http://schemas.microsoft.com/office/powerpoint/2010/main" val="10941776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>
            <a:extLst>
              <a:ext uri="{FF2B5EF4-FFF2-40B4-BE49-F238E27FC236}">
                <a16:creationId xmlns:a16="http://schemas.microsoft.com/office/drawing/2014/main" id="{07217345-A80B-0446-BBC7-1034C91D47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64799" y="66831"/>
            <a:ext cx="9360000" cy="657339"/>
          </a:xfrm>
        </p:spPr>
        <p:txBody>
          <a:bodyPr/>
          <a:lstStyle/>
          <a:p>
            <a:r>
              <a:rPr lang="en-GB" dirty="0"/>
              <a:t>ESS at a Glance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A3EA066B-6348-3C47-9EB2-C804A7C5DBA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3786" y="724170"/>
            <a:ext cx="11017796" cy="6270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7973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F21EA9-49B5-6A45-9B51-F1F7DF4F2B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Sit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D35ECE-9D3E-8D41-9684-FBB53AA902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8A8BE1A-7885-2141-832D-A52FF93014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5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555A4DF-8AD3-334C-8485-78FD36E4BD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31766FB-C1A4-8E43-B630-262A3FC282BE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7823" y="1004538"/>
            <a:ext cx="10996353" cy="54707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6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5BA4E9-99DE-E648-A810-A6BFAD89C3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65373"/>
            <a:ext cx="9724712" cy="657339"/>
          </a:xfrm>
        </p:spPr>
        <p:txBody>
          <a:bodyPr/>
          <a:lstStyle/>
          <a:p>
            <a:r>
              <a:rPr lang="en-GB" dirty="0"/>
              <a:t>Next steps: Installation and Commission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A57EBA7-A1ED-314B-ADE7-594C20AAA1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6DF96EC-3764-D34C-A458-E49BB4A78B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6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72DAFAA-32BB-5C48-9129-76871AF52B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BF880BE-9663-764B-92EF-83475C60CFCD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7823" y="1146063"/>
            <a:ext cx="10996353" cy="55117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6681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9F361A0A-2528-42EB-8E6A-DA01C6577F4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8EE8596B-CFC4-494E-833A-CBBEC30781C3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0" name="Platshållare för bild 9">
            <a:extLst>
              <a:ext uri="{FF2B5EF4-FFF2-40B4-BE49-F238E27FC236}">
                <a16:creationId xmlns:a16="http://schemas.microsoft.com/office/drawing/2014/main" id="{1CCB1AEE-A06D-4938-95DD-62DEE574A394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sp>
        <p:nvSpPr>
          <p:cNvPr id="12" name="Platshållare för text 11">
            <a:extLst>
              <a:ext uri="{FF2B5EF4-FFF2-40B4-BE49-F238E27FC236}">
                <a16:creationId xmlns:a16="http://schemas.microsoft.com/office/drawing/2014/main" id="{D11693FE-8633-4CDA-ABA8-92FAAA0C73F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Impact of COVID</a:t>
            </a:r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F2049D6-33EF-411A-8631-A29E5420839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sv-SE" dirty="0"/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27003409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E107965-F65D-4C6C-B376-0C5CB08E77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VID development in Sweden</a:t>
            </a:r>
          </a:p>
        </p:txBody>
      </p:sp>
      <p:graphicFrame>
        <p:nvGraphicFramePr>
          <p:cNvPr id="16" name="Chart 15">
            <a:extLst>
              <a:ext uri="{FF2B5EF4-FFF2-40B4-BE49-F238E27FC236}">
                <a16:creationId xmlns:a16="http://schemas.microsoft.com/office/drawing/2014/main" id="{8CA9087F-7543-40B3-BB0B-429370BAB80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44933331"/>
              </p:ext>
            </p:extLst>
          </p:nvPr>
        </p:nvGraphicFramePr>
        <p:xfrm>
          <a:off x="470744" y="977313"/>
          <a:ext cx="11250512" cy="561531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3D966885-379A-4047-A6D4-4F14894BB170}"/>
              </a:ext>
            </a:extLst>
          </p:cNvPr>
          <p:cNvSpPr txBox="1"/>
          <p:nvPr/>
        </p:nvSpPr>
        <p:spPr>
          <a:xfrm>
            <a:off x="4997886" y="6586365"/>
            <a:ext cx="633190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000" dirty="0">
                <a:solidFill>
                  <a:srgbClr val="666666"/>
                </a:solidFill>
              </a:rPr>
              <a:t>Source </a:t>
            </a:r>
            <a:r>
              <a:rPr lang="en-GB" sz="1000" u="sng" dirty="0">
                <a:hlinkClick r:id="rId3"/>
              </a:rPr>
              <a:t>Johns Hopkins University</a:t>
            </a:r>
            <a:r>
              <a:rPr lang="en-GB" sz="1000" dirty="0"/>
              <a:t> </a:t>
            </a:r>
            <a:r>
              <a:rPr lang="en-GB" sz="1000" dirty="0">
                <a:solidFill>
                  <a:srgbClr val="666666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13557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62BEC1-83FE-4E7E-921D-6DDBAE404A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during COVID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ED30DDF-1E87-43CE-B57B-BE00C2C435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7FD9B94-0194-4EB4-9217-D37F4240FA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67C1DA0-FFD2-4A29-98D1-825F1B84B7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GB" dirty="0"/>
              <a:t>Start of the pandemic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1F46865-388B-4279-AC74-E2F55C29B6E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Even if the external image of Sweden was that there were not many restrictive measures during COVID, that is not the realit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ESS adopted measures beyond the Swedish government recommendation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Our region (</a:t>
            </a:r>
            <a:r>
              <a:rPr lang="en-GB" dirty="0" err="1"/>
              <a:t>Skane</a:t>
            </a:r>
            <a:r>
              <a:rPr lang="en-GB" dirty="0"/>
              <a:t>) had a relatively low incidence the last two waves</a:t>
            </a:r>
          </a:p>
          <a:p>
            <a:pPr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628838C-3453-4872-965B-5D2DDE0024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1-10-07</a:t>
            </a:fld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01E844B-C7E9-44D9-B1EE-C6DE93B0220B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767262" y="3595892"/>
            <a:ext cx="6916153" cy="32445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0000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11-02T00:00:00.0000000Z"/>
  <p:tag name="OTLENDDATE" val="2022-12-20T23:59:00.0000000Z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10-27T00:00:00.0000000Z"/>
  <p:tag name="OTLENDDATE" val="2022-12-14T23:59:00.0000000Z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8T00:00:00.0000000"/>
  <p:tag name="OTLDURATIONFORMAT" val="wk"/>
  <p:tag name="OTLSPACING" val="3"/>
  <p:tag name="OTLSHAPETHICKNESSTYPE" val="Thin"/>
  <p:tag name="OTLWEEKNUMBERINGFORMAT" val="WNFormat1"/>
  <p:tag name="OTLWEEKNUMBERINGISVISIBLE" val="False"/>
  <p:tag name="OTLENDDATE" val="2021-10-12T23:59:00.0000000Z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2-25T00:00:00.0000000Z"/>
  <p:tag name="OTLENDDATE" val="2022-03-24T23:59:00.0000000Z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BT SAR"/>
  <p:tag name="OTLDATE" val="2021-08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Src/LEBT SAR"/>
  <p:tag name="OTLDATE" val="2021-08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FQ SAR"/>
  <p:tag name="OTLDATE" val="2021-08-17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RR3"/>
  <p:tag name="OTLPOSITIONONTASK" val="None"/>
  <p:tag name="OTLRELATEDTASKID" val="00000000-0000-0000-0000-000000000000"/>
  <p:tag name="OTLWEEKNUMBERINGFORMAT" val="WNFormat1"/>
  <p:tag name="OTLWEEKNUMBERINGISVISIBLE" val="False"/>
  <p:tag name="OTLDATE" val="2023-01-12T11:59:00.0000000"/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RR2B"/>
  <p:tag name="OTLPOSITIONONTASK" val="None"/>
  <p:tag name="OTLRELATEDTASKID" val="00000000-0000-0000-0000-000000000000"/>
  <p:tag name="OTLWEEKNUMBERINGFORMAT" val="WNFormat1"/>
  <p:tag name="OTLWEEKNUMBERINGISVISIBLE" val="False"/>
  <p:tag name="OTLDATE" val="2022-03-18T11:59:00.0000000"/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RR2A"/>
  <p:tag name="OTLDATE" val="2021-09-07T11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2019-01-01T11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ENDDATE" val="2023-05-02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1-08-02T00:00:00.0000000Z"/>
  <p:tag name="OTLENDDATE" val="2021-10-12T23:59:00.0000000Z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1-08-16T00:00:00.0000000Z"/>
  <p:tag name="OTLENDDATE" val="2021-09-03T23:59:00.0000000Z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1-09-06T00:00:00.0000000Z"/>
  <p:tag name="OTLENDDATE" val="2022-02-24T23:59:00.0000000Z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1-08-02T00:00:00.0000000Z"/>
  <p:tag name="OTLENDDATE" val="2021-10-12T23:59:00.0000000Z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1-10-13T11:59:00.0000000Z"/>
  <p:tag name="OTLENDDATE" val="2021-12-17T11:59:00.0000000Z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1-27T00:00:00.0000000Z"/>
  <p:tag name="OTLENDDATE" val="2022-02-09T23:59:00.0000000Z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4-08T00:00:00.0000000Z"/>
  <p:tag name="OTLENDDATE" val="2022-05-23T23:59:00.0000000Z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ENDDATE" val="2022-10-04T23:59:00.0000000Z"/>
  <p:tag name="OTLSTARTDATE" val="2022-08-01T00:00:00.0000000Z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3-01-26T00:00:00.0000000Z"/>
  <p:tag name="OTLENDDATE" val="2023-05-02T23:59:00.0000000Z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ENDDATE" val="2022-10-06T23:59:00.0000000Z"/>
  <p:tag name="OTLSTARTDATE" val="2022-07-15T00:00:00.0000000Z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ENDDATE" val="2022-09-30T23:59:00.0000000Z"/>
  <p:tag name="OTLSTARTDATE" val="2022-06-24T00:00:00.0000000Z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9T23:59:00.0000000Z"/>
  <p:tag name="OTLDURATIONFORMAT" val="wk"/>
  <p:tag name="OTLSPACING" val="3"/>
  <p:tag name="OTLSHAPETHICKNESSTYPE" val="Thin"/>
  <p:tag name="OTLWEEKNUMBERINGFORMAT" val="WNFormat1"/>
  <p:tag name="OTLWEEKNUMBERINGISVISIBLE" val="False"/>
  <p:tag name="OTLENDDATE" val="2021-10-12T23:59:00.0000000Z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1-08-02T00:00:00.0000000Z"/>
  <p:tag name="OTLENDDATE" val="2021-10-12T23:59:00.0000000Z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8-19T00:00:00.0000000"/>
  <p:tag name="OTLDURATIONFORMAT" val="day"/>
  <p:tag name="OTLSPACING" val="3"/>
  <p:tag name="OTLSHAPETHICKNESSTYPE" val="Thin"/>
  <p:tag name="OTLWEEKNUMBERINGFORMAT" val="WNFormat1"/>
  <p:tag name="OTLWEEKNUMBERINGISVISIBLE" val="False"/>
  <p:tag name="OTLENDDATE" val="2021-10-12T23:59:00.0000000Z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7-13T00:00:00.0000000Z"/>
  <p:tag name="OTLENDDATE" val="2022-07-27T23:59:00.0000000Z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 &quot;'&quot;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11-02T00:00:00.0000000Z"/>
  <p:tag name="OTLENDDATE" val="2022-12-20T23:59:00.0000000Z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6-29T00:00:00.0000000Z"/>
  <p:tag name="OTLENDDATE" val="2022-07-13T23:59:00.0000000Z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2-06-14T00:00:00.0000000Z"/>
  <p:tag name="OTLENDDATE" val="2022-06-22T23:59:00.0000000Z"/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1" id="{66EF4CB3-17D9-474B-B3CC-D317D49A40E1}" vid="{F5E9276C-01F8-BE42-B0B6-19B785F771B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2631</TotalTime>
  <Words>1447</Words>
  <Application>Microsoft Macintosh PowerPoint</Application>
  <PresentationFormat>Widescreen</PresentationFormat>
  <Paragraphs>297</Paragraphs>
  <Slides>29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7" baseType="lpstr">
      <vt:lpstr>-apple-system</vt:lpstr>
      <vt:lpstr>Arial</vt:lpstr>
      <vt:lpstr>Calibri</vt:lpstr>
      <vt:lpstr>Segoe UI</vt:lpstr>
      <vt:lpstr>Segoe UI Light</vt:lpstr>
      <vt:lpstr>Segoe UI Semibold</vt:lpstr>
      <vt:lpstr>Wingdings</vt:lpstr>
      <vt:lpstr>Office-tema</vt:lpstr>
      <vt:lpstr>Status of the ESS</vt:lpstr>
      <vt:lpstr>Agenda</vt:lpstr>
      <vt:lpstr>PowerPoint Presentation</vt:lpstr>
      <vt:lpstr>ESS at a Glance</vt:lpstr>
      <vt:lpstr>ESS Site</vt:lpstr>
      <vt:lpstr>Next steps: Installation and Commissioning</vt:lpstr>
      <vt:lpstr>PowerPoint Presentation</vt:lpstr>
      <vt:lpstr>COVID development in Sweden</vt:lpstr>
      <vt:lpstr>ESS during COVID</vt:lpstr>
      <vt:lpstr>PowerPoint Presentation</vt:lpstr>
      <vt:lpstr>COVID cases at ESS - 2021</vt:lpstr>
      <vt:lpstr>NCL plan pre-COVID (Rev. Dec 2019)</vt:lpstr>
      <vt:lpstr>NCL plan today</vt:lpstr>
      <vt:lpstr>Beam on Target Situation</vt:lpstr>
      <vt:lpstr>What are the reasons for the delay?</vt:lpstr>
      <vt:lpstr>PowerPoint Presentation</vt:lpstr>
      <vt:lpstr>Operations team</vt:lpstr>
      <vt:lpstr>LCO</vt:lpstr>
      <vt:lpstr>MCR</vt:lpstr>
      <vt:lpstr>Moving ESS from Project to Operational</vt:lpstr>
      <vt:lpstr>PowerPoint Presentation</vt:lpstr>
      <vt:lpstr>Summary of RF conditioning</vt:lpstr>
      <vt:lpstr>Commissioning restarts in one week</vt:lpstr>
      <vt:lpstr>Shift Scheduler</vt:lpstr>
      <vt:lpstr>PowerPoint Presentation</vt:lpstr>
      <vt:lpstr>Financing: Cash and InKind</vt:lpstr>
      <vt:lpstr>RFQ Conditioning</vt:lpstr>
      <vt:lpstr>Issues… (expected and unexpected)</vt:lpstr>
      <vt:lpstr>TestStands Activit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rc Munoz</dc:creator>
  <cp:lastModifiedBy>Marc Munoz</cp:lastModifiedBy>
  <cp:revision>84</cp:revision>
  <cp:lastPrinted>2019-03-08T10:27:30Z</cp:lastPrinted>
  <dcterms:created xsi:type="dcterms:W3CDTF">2021-09-29T07:13:08Z</dcterms:created>
  <dcterms:modified xsi:type="dcterms:W3CDTF">2021-10-07T09:11:18Z</dcterms:modified>
</cp:coreProperties>
</file>